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ec\s1321\group\01_調整グループ\02_バリアフリーの街づくり\005_会議\002_バリアフリー街づくり推進県民会議\018_第18回県民会議（R1第1回）\05_配布資料\送付\"/>
    </mc:Choice>
  </mc:AlternateContent>
  <bookViews>
    <workbookView xWindow="0" yWindow="0" windowWidth="20496" windowHeight="7188"/>
  </bookViews>
  <sheets>
    <sheet name="構成（案）" sheetId="6" r:id="rId1"/>
  </sheets>
  <definedNames>
    <definedName name="_xlnm.Print_Area" localSheetId="0">'構成（案）'!$A$1:$K$52</definedName>
    <definedName name="_xlnm.Print_Titles" localSheetId="0">'構成（案）'!$4:$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99">
  <si>
    <t>ア</t>
    <phoneticPr fontId="1"/>
  </si>
  <si>
    <t>イ</t>
    <phoneticPr fontId="1"/>
  </si>
  <si>
    <t>ウ</t>
    <phoneticPr fontId="1"/>
  </si>
  <si>
    <t>エ</t>
    <phoneticPr fontId="1"/>
  </si>
  <si>
    <t>事例の収集と県民への情報提供</t>
    <phoneticPr fontId="1"/>
  </si>
  <si>
    <t>災害時を見据えたハード整備や災害時の要配慮者への支援体制</t>
    <phoneticPr fontId="1"/>
  </si>
  <si>
    <t>バリアフリー、ユニバーサルデザインに配慮した施設整備</t>
    <phoneticPr fontId="1"/>
  </si>
  <si>
    <t>大テーマ</t>
    <rPh sb="0" eb="1">
      <t>オオ</t>
    </rPh>
    <phoneticPr fontId="1"/>
  </si>
  <si>
    <t>中項目（提案内容）</t>
    <rPh sb="0" eb="1">
      <t>チュウ</t>
    </rPh>
    <rPh sb="1" eb="3">
      <t>コウモク</t>
    </rPh>
    <rPh sb="4" eb="6">
      <t>テイアン</t>
    </rPh>
    <rPh sb="6" eb="8">
      <t>ナイヨウ</t>
    </rPh>
    <phoneticPr fontId="1"/>
  </si>
  <si>
    <t>オ</t>
    <phoneticPr fontId="1"/>
  </si>
  <si>
    <t>小項目（取組提案・取組事例）</t>
    <rPh sb="0" eb="1">
      <t>ショウ</t>
    </rPh>
    <rPh sb="1" eb="3">
      <t>コウモク</t>
    </rPh>
    <rPh sb="4" eb="6">
      <t>トリクミ</t>
    </rPh>
    <rPh sb="6" eb="8">
      <t>テイアン</t>
    </rPh>
    <rPh sb="9" eb="11">
      <t>トリクミ</t>
    </rPh>
    <rPh sb="11" eb="13">
      <t>ジレイ</t>
    </rPh>
    <phoneticPr fontId="1"/>
  </si>
  <si>
    <t>地域や学校におけるバリアフリー教育の充実</t>
    <rPh sb="0" eb="2">
      <t>チイキ</t>
    </rPh>
    <rPh sb="3" eb="5">
      <t>ガッコウ</t>
    </rPh>
    <rPh sb="15" eb="17">
      <t>キョウイク</t>
    </rPh>
    <rPh sb="18" eb="20">
      <t>ジュウジツ</t>
    </rPh>
    <phoneticPr fontId="1"/>
  </si>
  <si>
    <t>皆が相互に尊重しあう地域づくり（新）</t>
    <rPh sb="0" eb="1">
      <t>ミナ</t>
    </rPh>
    <rPh sb="2" eb="4">
      <t>ソウゴ</t>
    </rPh>
    <rPh sb="5" eb="7">
      <t>ソンチョウ</t>
    </rPh>
    <rPh sb="10" eb="12">
      <t>チイキ</t>
    </rPh>
    <rPh sb="16" eb="17">
      <t>シン</t>
    </rPh>
    <phoneticPr fontId="1"/>
  </si>
  <si>
    <t>社会情勢を踏まえた条例適合条件等の見直しについて</t>
    <rPh sb="0" eb="2">
      <t>シャカイ</t>
    </rPh>
    <rPh sb="2" eb="4">
      <t>ジョウセイ</t>
    </rPh>
    <rPh sb="5" eb="6">
      <t>フ</t>
    </rPh>
    <rPh sb="9" eb="11">
      <t>ジョウレイ</t>
    </rPh>
    <rPh sb="11" eb="13">
      <t>テキゴウ</t>
    </rPh>
    <rPh sb="13" eb="15">
      <t>ジョウケン</t>
    </rPh>
    <rPh sb="15" eb="16">
      <t>トウ</t>
    </rPh>
    <rPh sb="17" eb="19">
      <t>ミナオ</t>
    </rPh>
    <phoneticPr fontId="1"/>
  </si>
  <si>
    <t>適合・遵守に関する事業者教育、動機付け等（改）</t>
    <rPh sb="0" eb="2">
      <t>テキゴウ</t>
    </rPh>
    <rPh sb="3" eb="5">
      <t>ジュンシュ</t>
    </rPh>
    <rPh sb="6" eb="7">
      <t>カン</t>
    </rPh>
    <rPh sb="9" eb="12">
      <t>ジギョウシャ</t>
    </rPh>
    <rPh sb="12" eb="14">
      <t>キョウイク</t>
    </rPh>
    <rPh sb="15" eb="17">
      <t>ドウキ</t>
    </rPh>
    <rPh sb="17" eb="18">
      <t>ヅ</t>
    </rPh>
    <rPh sb="19" eb="20">
      <t>トウ</t>
    </rPh>
    <rPh sb="21" eb="22">
      <t>カイ</t>
    </rPh>
    <phoneticPr fontId="1"/>
  </si>
  <si>
    <t>　※不要な部分の基準の緩和について文章で入れ込み</t>
    <rPh sb="2" eb="4">
      <t>フヨウ</t>
    </rPh>
    <rPh sb="5" eb="7">
      <t>ブブン</t>
    </rPh>
    <rPh sb="8" eb="10">
      <t>キジュン</t>
    </rPh>
    <rPh sb="11" eb="13">
      <t>カンワ</t>
    </rPh>
    <rPh sb="17" eb="19">
      <t>ブンショウ</t>
    </rPh>
    <rPh sb="20" eb="21">
      <t>イ</t>
    </rPh>
    <rPh sb="22" eb="23">
      <t>コ</t>
    </rPh>
    <phoneticPr fontId="1"/>
  </si>
  <si>
    <t xml:space="preserve">
3</t>
    <phoneticPr fontId="1"/>
  </si>
  <si>
    <t>情報バリアフリーの推進と当事者自らによる発信（新）</t>
    <rPh sb="0" eb="2">
      <t>ジョウホウ</t>
    </rPh>
    <rPh sb="9" eb="11">
      <t>スイシン</t>
    </rPh>
    <rPh sb="12" eb="15">
      <t>トウジシャ</t>
    </rPh>
    <rPh sb="15" eb="16">
      <t>ミズカ</t>
    </rPh>
    <rPh sb="20" eb="22">
      <t>ハッシン</t>
    </rPh>
    <rPh sb="23" eb="24">
      <t>シン</t>
    </rPh>
    <phoneticPr fontId="1"/>
  </si>
  <si>
    <t>先進事例の共有（新）</t>
    <rPh sb="8" eb="9">
      <t>シン</t>
    </rPh>
    <phoneticPr fontId="1"/>
  </si>
  <si>
    <t>第１回調整部会及び第２回調整部会の意見を踏まえて作成</t>
    <rPh sb="0" eb="1">
      <t>ダイ</t>
    </rPh>
    <rPh sb="2" eb="3">
      <t>カイ</t>
    </rPh>
    <rPh sb="3" eb="5">
      <t>チョウセイ</t>
    </rPh>
    <rPh sb="5" eb="7">
      <t>ブカイ</t>
    </rPh>
    <rPh sb="7" eb="8">
      <t>オヨ</t>
    </rPh>
    <rPh sb="9" eb="10">
      <t>ダイ</t>
    </rPh>
    <rPh sb="11" eb="12">
      <t>カイ</t>
    </rPh>
    <rPh sb="12" eb="14">
      <t>チョウセイ</t>
    </rPh>
    <rPh sb="14" eb="16">
      <t>ブカイ</t>
    </rPh>
    <rPh sb="17" eb="19">
      <t>イケン</t>
    </rPh>
    <rPh sb="20" eb="21">
      <t>フ</t>
    </rPh>
    <rPh sb="24" eb="26">
      <t>サクセイ</t>
    </rPh>
    <phoneticPr fontId="1"/>
  </si>
  <si>
    <t>（新）</t>
    <rPh sb="1" eb="2">
      <t>シン</t>
    </rPh>
    <phoneticPr fontId="1"/>
  </si>
  <si>
    <t>（旧）</t>
    <rPh sb="1" eb="2">
      <t>キュウ</t>
    </rPh>
    <phoneticPr fontId="1"/>
  </si>
  <si>
    <t>バリアフリー教育の充実</t>
    <phoneticPr fontId="1"/>
  </si>
  <si>
    <t>多様な人が住まう「街」への気づき、障がい者理解の推進</t>
    <phoneticPr fontId="1"/>
  </si>
  <si>
    <r>
      <t xml:space="preserve">
</t>
    </r>
    <r>
      <rPr>
        <sz val="12"/>
        <rFont val="ＭＳ ゴシック"/>
        <family val="3"/>
        <charset val="128"/>
      </rPr>
      <t>安心して出かけられる「街」の実現を目指して</t>
    </r>
    <phoneticPr fontId="1"/>
  </si>
  <si>
    <t>施設の計画段階における関係者の参画</t>
    <phoneticPr fontId="1"/>
  </si>
  <si>
    <t>小中学生向けバリアフリー教育の充実</t>
    <phoneticPr fontId="1"/>
  </si>
  <si>
    <t>・</t>
    <phoneticPr fontId="1"/>
  </si>
  <si>
    <t>高校におけるバリアフリー教育モデル事業の実施</t>
    <rPh sb="0" eb="2">
      <t>コウコウ</t>
    </rPh>
    <rPh sb="12" eb="14">
      <t>キョウイク</t>
    </rPh>
    <rPh sb="17" eb="19">
      <t>ジギョウ</t>
    </rPh>
    <rPh sb="20" eb="22">
      <t>ジッシ</t>
    </rPh>
    <phoneticPr fontId="1"/>
  </si>
  <si>
    <t>地域での自発的なバリアフリー教育の実施（地域の絆やコミュニティの再生）</t>
    <phoneticPr fontId="1"/>
  </si>
  <si>
    <t>・小中学校におけるバリアフリー教育の実施</t>
    <rPh sb="1" eb="2">
      <t>ショウ</t>
    </rPh>
    <rPh sb="2" eb="5">
      <t>チュウガッコウ</t>
    </rPh>
    <rPh sb="15" eb="17">
      <t>キョウイク</t>
    </rPh>
    <rPh sb="18" eb="20">
      <t>ジッシ</t>
    </rPh>
    <phoneticPr fontId="1"/>
  </si>
  <si>
    <t>・高校や高校生ボランティアによるバリアフリー教育の実施</t>
    <rPh sb="1" eb="3">
      <t>コウコウ</t>
    </rPh>
    <rPh sb="4" eb="7">
      <t>コウコウセイ</t>
    </rPh>
    <rPh sb="22" eb="24">
      <t>キョウイク</t>
    </rPh>
    <rPh sb="25" eb="27">
      <t>ジッシ</t>
    </rPh>
    <phoneticPr fontId="1"/>
  </si>
  <si>
    <t>・県立工業系高校でのユニバーサルデザインに配慮した製品作成などモデル事業実施</t>
    <rPh sb="1" eb="3">
      <t>ケンリツ</t>
    </rPh>
    <rPh sb="3" eb="5">
      <t>コウギョウ</t>
    </rPh>
    <rPh sb="5" eb="6">
      <t>ケイ</t>
    </rPh>
    <rPh sb="6" eb="8">
      <t>コウコウ</t>
    </rPh>
    <rPh sb="21" eb="23">
      <t>ハイリョ</t>
    </rPh>
    <rPh sb="25" eb="27">
      <t>セイヒン</t>
    </rPh>
    <rPh sb="27" eb="29">
      <t>サクセイ</t>
    </rPh>
    <rPh sb="34" eb="36">
      <t>ジギョウ</t>
    </rPh>
    <rPh sb="36" eb="38">
      <t>ジッシ</t>
    </rPh>
    <phoneticPr fontId="1"/>
  </si>
  <si>
    <t>・地域での自発的なバリアフリー教育の実施</t>
    <rPh sb="1" eb="3">
      <t>チイキ</t>
    </rPh>
    <rPh sb="5" eb="8">
      <t>ジハツテキ</t>
    </rPh>
    <rPh sb="15" eb="17">
      <t>キョウイク</t>
    </rPh>
    <rPh sb="18" eb="20">
      <t>ジッシ</t>
    </rPh>
    <phoneticPr fontId="1"/>
  </si>
  <si>
    <t>協力と連携の包括協定を活用した事業者との協働事業の実施</t>
    <phoneticPr fontId="1"/>
  </si>
  <si>
    <t>・バリアフリーの普及啓発事業の協働実施(会場提供、チラシによる広報等)</t>
    <phoneticPr fontId="1"/>
  </si>
  <si>
    <t>・</t>
    <phoneticPr fontId="1"/>
  </si>
  <si>
    <t>障がい当事者間の相互理解、点字ブロック上の障害物撤去</t>
    <phoneticPr fontId="1"/>
  </si>
  <si>
    <t>・点字ブロック上の障害物除去などの普及啓発(広報誌、ホームページ、チラシ等)</t>
    <phoneticPr fontId="1"/>
  </si>
  <si>
    <t>障害者用駐車場の利用方法</t>
    <phoneticPr fontId="1"/>
  </si>
  <si>
    <t>・車いす使用者駐車区画の適正利用などの普及啓発(広報誌、ホームページ、チラシ等)</t>
    <phoneticPr fontId="1"/>
  </si>
  <si>
    <t>・パーキングパーミット制度の議論</t>
    <phoneticPr fontId="1"/>
  </si>
  <si>
    <t>街中のトイレの情報提供やオープン利用に取り組むＮＰＯ法人との協働事業</t>
    <phoneticPr fontId="1"/>
  </si>
  <si>
    <t>・街中のバリアフリー化に取り組むＮＰＯ法人との協働事業（トイレに関する情報や利用方法）</t>
    <phoneticPr fontId="1"/>
  </si>
  <si>
    <t>・みんなのトイレの適正利用などの普及啓発</t>
    <rPh sb="9" eb="11">
      <t>テキセイ</t>
    </rPh>
    <rPh sb="11" eb="13">
      <t>リヨウ</t>
    </rPh>
    <rPh sb="16" eb="18">
      <t>フキュウ</t>
    </rPh>
    <rPh sb="18" eb="20">
      <t>ケイハツ</t>
    </rPh>
    <phoneticPr fontId="1"/>
  </si>
  <si>
    <t>バリアフリー関連情報充実</t>
    <phoneticPr fontId="1"/>
  </si>
  <si>
    <t>・バリアフリーマップ充実化</t>
    <phoneticPr fontId="1"/>
  </si>
  <si>
    <t>駅、道路等の安全な移動経路の確保</t>
    <rPh sb="0" eb="1">
      <t>エキ</t>
    </rPh>
    <rPh sb="2" eb="4">
      <t>ドウロ</t>
    </rPh>
    <rPh sb="4" eb="5">
      <t>トウ</t>
    </rPh>
    <rPh sb="6" eb="8">
      <t>アンゼン</t>
    </rPh>
    <rPh sb="9" eb="11">
      <t>イドウ</t>
    </rPh>
    <rPh sb="11" eb="13">
      <t>ケイロ</t>
    </rPh>
    <rPh sb="14" eb="16">
      <t>カクホ</t>
    </rPh>
    <phoneticPr fontId="1"/>
  </si>
  <si>
    <t>・駅舎、道路、公共交通機関等のバリアフリー化の推進</t>
    <rPh sb="1" eb="3">
      <t>エキシャ</t>
    </rPh>
    <rPh sb="4" eb="6">
      <t>ドウロ</t>
    </rPh>
    <rPh sb="7" eb="9">
      <t>コウキョウ</t>
    </rPh>
    <rPh sb="9" eb="11">
      <t>コウツウ</t>
    </rPh>
    <rPh sb="11" eb="13">
      <t>キカン</t>
    </rPh>
    <rPh sb="13" eb="14">
      <t>トウ</t>
    </rPh>
    <rPh sb="21" eb="22">
      <t>カ</t>
    </rPh>
    <rPh sb="23" eb="25">
      <t>スイシン</t>
    </rPh>
    <phoneticPr fontId="1"/>
  </si>
  <si>
    <t>災害時を見据えた安全なハード運用の確保と情報保障</t>
    <phoneticPr fontId="1"/>
  </si>
  <si>
    <t>・移動困難者や障害特性に応じた案内、情報提供への配慮
・県地域防災計画での避難所のバリアフリー化の位置付け、アドバイザ派遣（カラーバリアフリー含む）等を活用した避難所のバリアフリー化促進
・カラーバリアフリーで創る街づくり事業(災害を想定したサイン計画も検討)</t>
    <phoneticPr fontId="1"/>
  </si>
  <si>
    <t>バリアフリー、ユニバーサルデザインに配慮した施設整備</t>
    <phoneticPr fontId="1"/>
  </si>
  <si>
    <t>公共的施設のバリアフリー化の推進</t>
    <phoneticPr fontId="1"/>
  </si>
  <si>
    <t>・</t>
    <phoneticPr fontId="1"/>
  </si>
  <si>
    <t>整備基準の見直し、制度面を含めた事業者等の動機付け向上策検討</t>
    <phoneticPr fontId="1"/>
  </si>
  <si>
    <t>公的な施設整備での率先的な取組み</t>
    <phoneticPr fontId="1"/>
  </si>
  <si>
    <t>皆が共有できるバリアフリー関連情報の充実</t>
    <rPh sb="0" eb="1">
      <t>ミナ</t>
    </rPh>
    <phoneticPr fontId="1"/>
  </si>
  <si>
    <t>(ア)地域での自発的なバリアフリー教育の実施</t>
    <rPh sb="3" eb="5">
      <t>チイキ</t>
    </rPh>
    <rPh sb="7" eb="9">
      <t>ジハツ</t>
    </rPh>
    <rPh sb="9" eb="10">
      <t>テキ</t>
    </rPh>
    <rPh sb="17" eb="19">
      <t>キョウイク</t>
    </rPh>
    <rPh sb="20" eb="22">
      <t>ジッシ</t>
    </rPh>
    <phoneticPr fontId="1"/>
  </si>
  <si>
    <r>
      <t>(ウ)活動の中で地区社協やボランティア団体等との連携</t>
    </r>
    <r>
      <rPr>
        <sz val="12"/>
        <rFont val="ＭＳ 明朝"/>
        <family val="1"/>
        <charset val="128"/>
      </rPr>
      <t>（新）</t>
    </r>
    <rPh sb="3" eb="5">
      <t>カツドウ</t>
    </rPh>
    <rPh sb="6" eb="7">
      <t>ナカ</t>
    </rPh>
    <rPh sb="8" eb="10">
      <t>チク</t>
    </rPh>
    <rPh sb="10" eb="11">
      <t>シャ</t>
    </rPh>
    <rPh sb="11" eb="12">
      <t>キョウ</t>
    </rPh>
    <rPh sb="19" eb="21">
      <t>ダンタイ</t>
    </rPh>
    <rPh sb="21" eb="22">
      <t>トウ</t>
    </rPh>
    <rPh sb="24" eb="26">
      <t>レンケイ</t>
    </rPh>
    <rPh sb="27" eb="28">
      <t>シン</t>
    </rPh>
    <phoneticPr fontId="1"/>
  </si>
  <si>
    <r>
      <t>(エ)各活動における障がい当事者との連携の推進</t>
    </r>
    <r>
      <rPr>
        <sz val="12"/>
        <rFont val="ＭＳ 明朝"/>
        <family val="1"/>
        <charset val="128"/>
      </rPr>
      <t>（新）</t>
    </r>
    <rPh sb="3" eb="4">
      <t>カク</t>
    </rPh>
    <rPh sb="4" eb="6">
      <t>カツドウ</t>
    </rPh>
    <rPh sb="10" eb="11">
      <t>ショウ</t>
    </rPh>
    <rPh sb="13" eb="16">
      <t>トウジシャ</t>
    </rPh>
    <rPh sb="18" eb="20">
      <t>レンケイ</t>
    </rPh>
    <rPh sb="21" eb="23">
      <t>スイシン</t>
    </rPh>
    <rPh sb="24" eb="25">
      <t>シン</t>
    </rPh>
    <phoneticPr fontId="1"/>
  </si>
  <si>
    <t>(オ)小中学生や高校生向けバリアフリー教育の充実</t>
    <phoneticPr fontId="1"/>
  </si>
  <si>
    <r>
      <t>(ア)地域の関係者が一緒に行うイベントや協働の取組を通した気づきと実践の推進</t>
    </r>
    <r>
      <rPr>
        <sz val="12"/>
        <rFont val="ＭＳ 明朝"/>
        <family val="1"/>
        <charset val="128"/>
      </rPr>
      <t>（新）</t>
    </r>
    <rPh sb="3" eb="5">
      <t>チイキ</t>
    </rPh>
    <rPh sb="6" eb="9">
      <t>カンケイシャ</t>
    </rPh>
    <rPh sb="10" eb="12">
      <t>イッショ</t>
    </rPh>
    <rPh sb="13" eb="14">
      <t>オコナ</t>
    </rPh>
    <rPh sb="20" eb="22">
      <t>キョウドウ</t>
    </rPh>
    <rPh sb="23" eb="25">
      <t>トリクミ</t>
    </rPh>
    <rPh sb="26" eb="27">
      <t>トオ</t>
    </rPh>
    <rPh sb="29" eb="30">
      <t>キ</t>
    </rPh>
    <rPh sb="33" eb="35">
      <t>ジッセン</t>
    </rPh>
    <rPh sb="36" eb="38">
      <t>スイシン</t>
    </rPh>
    <rPh sb="39" eb="40">
      <t>シン</t>
    </rPh>
    <phoneticPr fontId="1"/>
  </si>
  <si>
    <t>(イ)障がいの社会モデルについての啓発（新）</t>
    <rPh sb="3" eb="4">
      <t>ショウ</t>
    </rPh>
    <rPh sb="7" eb="9">
      <t>シャカイ</t>
    </rPh>
    <rPh sb="17" eb="19">
      <t>ケイハツ</t>
    </rPh>
    <rPh sb="20" eb="21">
      <t>シン</t>
    </rPh>
    <phoneticPr fontId="1"/>
  </si>
  <si>
    <t>(ウ)地域において多様な人が繋がる場づくり（新）</t>
    <rPh sb="3" eb="5">
      <t>チイキ</t>
    </rPh>
    <rPh sb="9" eb="11">
      <t>タヨウ</t>
    </rPh>
    <rPh sb="12" eb="13">
      <t>ヒト</t>
    </rPh>
    <rPh sb="14" eb="15">
      <t>ツナ</t>
    </rPh>
    <rPh sb="17" eb="18">
      <t>バ</t>
    </rPh>
    <rPh sb="22" eb="23">
      <t>シン</t>
    </rPh>
    <phoneticPr fontId="1"/>
  </si>
  <si>
    <r>
      <t>(イ)点字ブロック・駐車場・みんなのトイレ等の適正利用の呼びかけ</t>
    </r>
    <r>
      <rPr>
        <sz val="12"/>
        <rFont val="ＭＳ 明朝"/>
        <family val="1"/>
        <charset val="128"/>
      </rPr>
      <t>（まとめ）</t>
    </r>
    <rPh sb="3" eb="5">
      <t>テンジ</t>
    </rPh>
    <rPh sb="10" eb="13">
      <t>チュウシャジョウ</t>
    </rPh>
    <rPh sb="21" eb="22">
      <t>トウ</t>
    </rPh>
    <rPh sb="23" eb="25">
      <t>テキセイ</t>
    </rPh>
    <rPh sb="25" eb="27">
      <t>リヨウ</t>
    </rPh>
    <rPh sb="28" eb="29">
      <t>ヨ</t>
    </rPh>
    <phoneticPr fontId="1"/>
  </si>
  <si>
    <r>
      <t>(ウ)</t>
    </r>
    <r>
      <rPr>
        <sz val="12"/>
        <rFont val="ＭＳ 明朝"/>
        <family val="2"/>
        <charset val="128"/>
      </rPr>
      <t>障がい当事者を講師としたセミナー研修の実施</t>
    </r>
    <r>
      <rPr>
        <sz val="12"/>
        <rFont val="ＭＳ 明朝"/>
        <family val="1"/>
        <charset val="128"/>
      </rPr>
      <t>(新）</t>
    </r>
    <rPh sb="10" eb="12">
      <t>コウシ</t>
    </rPh>
    <rPh sb="22" eb="24">
      <t>ジッシ</t>
    </rPh>
    <rPh sb="25" eb="26">
      <t>シン</t>
    </rPh>
    <phoneticPr fontId="1"/>
  </si>
  <si>
    <t>(ア)トイレの情報提供やオープン利用に取り組むＮＰＯ法人との協働</t>
    <rPh sb="7" eb="9">
      <t>ジョウホウ</t>
    </rPh>
    <rPh sb="9" eb="11">
      <t>テイキョウ</t>
    </rPh>
    <rPh sb="16" eb="18">
      <t>リヨウ</t>
    </rPh>
    <rPh sb="19" eb="20">
      <t>ト</t>
    </rPh>
    <rPh sb="21" eb="22">
      <t>ク</t>
    </rPh>
    <rPh sb="26" eb="28">
      <t>ホウジン</t>
    </rPh>
    <rPh sb="30" eb="32">
      <t>キョウドウ</t>
    </rPh>
    <phoneticPr fontId="1"/>
  </si>
  <si>
    <t>(ア)バリアフリーマップなどバリアフリー関連情報の充実</t>
    <rPh sb="20" eb="22">
      <t>カンレン</t>
    </rPh>
    <rPh sb="22" eb="24">
      <t>ジョウホウ</t>
    </rPh>
    <rPh sb="25" eb="27">
      <t>ジュウジツ</t>
    </rPh>
    <phoneticPr fontId="1"/>
  </si>
  <si>
    <t>(ア)公共的施設のバリアフリー化の推進</t>
    <rPh sb="3" eb="6">
      <t>コウキョウテキ</t>
    </rPh>
    <rPh sb="6" eb="8">
      <t>シセツ</t>
    </rPh>
    <rPh sb="15" eb="16">
      <t>バ</t>
    </rPh>
    <rPh sb="17" eb="19">
      <t>スイシン</t>
    </rPh>
    <phoneticPr fontId="1"/>
  </si>
  <si>
    <t>(ア)公共交通機関、道路等のバリアフリー化の推進</t>
    <rPh sb="3" eb="5">
      <t>コウキョウ</t>
    </rPh>
    <rPh sb="5" eb="7">
      <t>コウツウ</t>
    </rPh>
    <rPh sb="7" eb="9">
      <t>キカン</t>
    </rPh>
    <rPh sb="10" eb="12">
      <t>ドウロ</t>
    </rPh>
    <rPh sb="12" eb="13">
      <t>トウ</t>
    </rPh>
    <rPh sb="20" eb="21">
      <t>バ</t>
    </rPh>
    <rPh sb="22" eb="24">
      <t>スイシン</t>
    </rPh>
    <phoneticPr fontId="1"/>
  </si>
  <si>
    <r>
      <t>(ア)情報バリアフリー・アクセシビリティの推進</t>
    </r>
    <r>
      <rPr>
        <sz val="12"/>
        <rFont val="ＭＳ 明朝"/>
        <family val="1"/>
        <charset val="128"/>
      </rPr>
      <t>（新）</t>
    </r>
    <rPh sb="3" eb="5">
      <t>ジョウホウ</t>
    </rPh>
    <rPh sb="21" eb="23">
      <t>スイシン</t>
    </rPh>
    <rPh sb="24" eb="25">
      <t>シン</t>
    </rPh>
    <phoneticPr fontId="1"/>
  </si>
  <si>
    <t>(イ)当事者側からの発信・受信の円滑化によるコミュニケーションの円滑化（新）</t>
    <rPh sb="36" eb="37">
      <t>シン</t>
    </rPh>
    <phoneticPr fontId="1"/>
  </si>
  <si>
    <t>(ア)各関係施設のバリアフリー化の推進</t>
    <rPh sb="3" eb="6">
      <t>カクカンケイ</t>
    </rPh>
    <rPh sb="6" eb="8">
      <t>シセツ</t>
    </rPh>
    <rPh sb="15" eb="16">
      <t>バ</t>
    </rPh>
    <rPh sb="17" eb="19">
      <t>スイシン</t>
    </rPh>
    <phoneticPr fontId="1"/>
  </si>
  <si>
    <t>(イ)地域・市町村・県それぞれの要配慮者支援体制整備</t>
    <phoneticPr fontId="1"/>
  </si>
  <si>
    <t>条例適合率・遵守率向上に向けた取組み</t>
    <phoneticPr fontId="1"/>
  </si>
  <si>
    <t>改修改築時のバリアフリー化事例の増加（新）</t>
    <rPh sb="0" eb="2">
      <t>カイシュウ</t>
    </rPh>
    <rPh sb="2" eb="4">
      <t>カイチク</t>
    </rPh>
    <rPh sb="4" eb="5">
      <t>ジ</t>
    </rPh>
    <rPh sb="12" eb="13">
      <t>バ</t>
    </rPh>
    <rPh sb="13" eb="15">
      <t>ジレイ</t>
    </rPh>
    <rPh sb="16" eb="18">
      <t>ゾウカ</t>
    </rPh>
    <rPh sb="19" eb="20">
      <t>シン</t>
    </rPh>
    <phoneticPr fontId="1"/>
  </si>
  <si>
    <r>
      <t>(ア)良い事例の共有</t>
    </r>
    <r>
      <rPr>
        <sz val="12"/>
        <rFont val="ＭＳ 明朝"/>
        <family val="1"/>
        <charset val="128"/>
      </rPr>
      <t>（新）</t>
    </r>
    <rPh sb="3" eb="4">
      <t>ヨ</t>
    </rPh>
    <rPh sb="5" eb="7">
      <t>ジレイ</t>
    </rPh>
    <rPh sb="8" eb="10">
      <t>キョウユウ</t>
    </rPh>
    <rPh sb="11" eb="12">
      <t>シン</t>
    </rPh>
    <phoneticPr fontId="1"/>
  </si>
  <si>
    <r>
      <t>(イ)優れた取組の表彰</t>
    </r>
    <r>
      <rPr>
        <sz val="12"/>
        <rFont val="ＭＳ 明朝"/>
        <family val="1"/>
        <charset val="128"/>
      </rPr>
      <t>（新）</t>
    </r>
    <rPh sb="3" eb="4">
      <t>スグ</t>
    </rPh>
    <rPh sb="6" eb="8">
      <t>トリクミ</t>
    </rPh>
    <rPh sb="9" eb="11">
      <t>ヒョウショウ</t>
    </rPh>
    <rPh sb="12" eb="13">
      <t>シン</t>
    </rPh>
    <phoneticPr fontId="1"/>
  </si>
  <si>
    <t>(イ)バリアフリーアドバイザー等の派遣</t>
    <rPh sb="15" eb="16">
      <t>トウ</t>
    </rPh>
    <rPh sb="17" eb="19">
      <t>ハケン</t>
    </rPh>
    <phoneticPr fontId="1"/>
  </si>
  <si>
    <r>
      <t>(ア)設計関係者への研修の実施</t>
    </r>
    <r>
      <rPr>
        <sz val="12"/>
        <rFont val="ＭＳ 明朝"/>
        <family val="1"/>
        <charset val="128"/>
      </rPr>
      <t>（新）</t>
    </r>
    <rPh sb="3" eb="5">
      <t>セッケイ</t>
    </rPh>
    <rPh sb="5" eb="8">
      <t>カンケイシャ</t>
    </rPh>
    <rPh sb="10" eb="12">
      <t>ケンシュウ</t>
    </rPh>
    <rPh sb="13" eb="15">
      <t>ジッシ</t>
    </rPh>
    <rPh sb="16" eb="17">
      <t>シン</t>
    </rPh>
    <phoneticPr fontId="1"/>
  </si>
  <si>
    <r>
      <t>(イ)優れた取組みの表彰</t>
    </r>
    <r>
      <rPr>
        <sz val="12"/>
        <rFont val="ＭＳ 明朝"/>
        <family val="1"/>
        <charset val="128"/>
      </rPr>
      <t>（新）</t>
    </r>
    <rPh sb="3" eb="4">
      <t>スグ</t>
    </rPh>
    <rPh sb="6" eb="8">
      <t>トリクミ</t>
    </rPh>
    <rPh sb="10" eb="12">
      <t>ヒョウショウ</t>
    </rPh>
    <rPh sb="13" eb="14">
      <t>シン</t>
    </rPh>
    <phoneticPr fontId="1"/>
  </si>
  <si>
    <t>公共的施設整備での率先的な取組み</t>
    <rPh sb="0" eb="3">
      <t>コウキョウテキ</t>
    </rPh>
    <rPh sb="3" eb="5">
      <t>シセツ</t>
    </rPh>
    <rPh sb="5" eb="7">
      <t>セイビ</t>
    </rPh>
    <rPh sb="9" eb="11">
      <t>ソッセン</t>
    </rPh>
    <rPh sb="11" eb="12">
      <t>テキ</t>
    </rPh>
    <rPh sb="13" eb="15">
      <t>トリクミ</t>
    </rPh>
    <phoneticPr fontId="1"/>
  </si>
  <si>
    <r>
      <t>(ア)公共的施設</t>
    </r>
    <r>
      <rPr>
        <sz val="12"/>
        <rFont val="ＭＳ 明朝"/>
        <family val="1"/>
        <charset val="128"/>
      </rPr>
      <t>、道路等</t>
    </r>
    <r>
      <rPr>
        <sz val="12"/>
        <rFont val="ＭＳ 明朝"/>
        <family val="2"/>
        <charset val="128"/>
      </rPr>
      <t>のバリアフリー化の推進</t>
    </r>
    <rPh sb="3" eb="6">
      <t>コウキョウテキ</t>
    </rPh>
    <rPh sb="6" eb="8">
      <t>シセツ</t>
    </rPh>
    <rPh sb="9" eb="11">
      <t>ドウロ</t>
    </rPh>
    <rPh sb="11" eb="12">
      <t>トウ</t>
    </rPh>
    <rPh sb="19" eb="20">
      <t>バ</t>
    </rPh>
    <rPh sb="21" eb="23">
      <t>スイシン</t>
    </rPh>
    <phoneticPr fontId="1"/>
  </si>
  <si>
    <r>
      <t>(イ)当事者による施設検証の取組み</t>
    </r>
    <r>
      <rPr>
        <sz val="12"/>
        <rFont val="ＭＳ 明朝"/>
        <family val="1"/>
        <charset val="128"/>
      </rPr>
      <t>（新）</t>
    </r>
    <rPh sb="3" eb="6">
      <t>トウジシャ</t>
    </rPh>
    <rPh sb="9" eb="11">
      <t>シセツ</t>
    </rPh>
    <rPh sb="11" eb="13">
      <t>ケンショウ</t>
    </rPh>
    <rPh sb="14" eb="16">
      <t>トリクミ</t>
    </rPh>
    <rPh sb="18" eb="19">
      <t>シン</t>
    </rPh>
    <phoneticPr fontId="1"/>
  </si>
  <si>
    <t>県民会議からの提案構成新旧比較</t>
    <rPh sb="0" eb="2">
      <t>ケンミン</t>
    </rPh>
    <rPh sb="2" eb="4">
      <t>カイギ</t>
    </rPh>
    <rPh sb="7" eb="9">
      <t>テイアン</t>
    </rPh>
    <rPh sb="9" eb="11">
      <t>コウセイ</t>
    </rPh>
    <rPh sb="11" eb="13">
      <t>シンキュウ</t>
    </rPh>
    <rPh sb="13" eb="15">
      <t>ヒカク</t>
    </rPh>
    <phoneticPr fontId="1"/>
  </si>
  <si>
    <t>駅舎等の公共交通機関や道路のバリアフリー化</t>
    <rPh sb="0" eb="2">
      <t>エキシャ</t>
    </rPh>
    <rPh sb="2" eb="3">
      <t>トウ</t>
    </rPh>
    <rPh sb="4" eb="6">
      <t>コウキョウ</t>
    </rPh>
    <rPh sb="6" eb="8">
      <t>コウツウ</t>
    </rPh>
    <rPh sb="8" eb="10">
      <t>キカン</t>
    </rPh>
    <phoneticPr fontId="1"/>
  </si>
  <si>
    <t>(イ)普及啓発に関する事業者との協働の実施</t>
    <rPh sb="3" eb="5">
      <t>フキュウ</t>
    </rPh>
    <rPh sb="5" eb="7">
      <t>ケイハツ</t>
    </rPh>
    <rPh sb="8" eb="9">
      <t>カン</t>
    </rPh>
    <rPh sb="11" eb="14">
      <t>ジギョウシャ</t>
    </rPh>
    <rPh sb="16" eb="18">
      <t>キョウドウ</t>
    </rPh>
    <rPh sb="19" eb="21">
      <t>ジッシ</t>
    </rPh>
    <phoneticPr fontId="1"/>
  </si>
  <si>
    <t>(カ)教育者へのバリアフリー教育や情報提供といった、学校教育におけるバリアフリー教育実施環境の充実（新）</t>
    <rPh sb="50" eb="51">
      <t>シン</t>
    </rPh>
    <phoneticPr fontId="1"/>
  </si>
  <si>
    <t>多様な人が抱える不便さなどへの理解促進と県民への呼びかけ</t>
    <rPh sb="0" eb="2">
      <t>タヨウ</t>
    </rPh>
    <rPh sb="3" eb="4">
      <t>ヒト</t>
    </rPh>
    <rPh sb="5" eb="6">
      <t>カカ</t>
    </rPh>
    <rPh sb="8" eb="10">
      <t>フベン</t>
    </rPh>
    <phoneticPr fontId="1"/>
  </si>
  <si>
    <r>
      <t>(ア)多様な人が抱える不便さなどの理解の促進</t>
    </r>
    <r>
      <rPr>
        <sz val="12"/>
        <rFont val="ＭＳ 明朝"/>
        <family val="1"/>
        <charset val="128"/>
      </rPr>
      <t>（改）</t>
    </r>
    <rPh sb="3" eb="5">
      <t>タヨウ</t>
    </rPh>
    <rPh sb="6" eb="7">
      <t>ヒト</t>
    </rPh>
    <rPh sb="8" eb="9">
      <t>カカ</t>
    </rPh>
    <rPh sb="11" eb="13">
      <t>フベン</t>
    </rPh>
    <rPh sb="17" eb="19">
      <t>リカイ</t>
    </rPh>
    <rPh sb="20" eb="22">
      <t>ソクシン</t>
    </rPh>
    <rPh sb="23" eb="24">
      <t>カイ</t>
    </rPh>
    <phoneticPr fontId="1"/>
  </si>
  <si>
    <r>
      <t xml:space="preserve">
</t>
    </r>
    <r>
      <rPr>
        <sz val="12"/>
        <rFont val="ＭＳ ゴシック"/>
        <family val="3"/>
        <charset val="128"/>
      </rPr>
      <t>安心して暮らし、出かけられる「街」の実現を目指して</t>
    </r>
    <rPh sb="7" eb="8">
      <t>ク</t>
    </rPh>
    <phoneticPr fontId="1"/>
  </si>
  <si>
    <r>
      <rPr>
        <sz val="12"/>
        <rFont val="ＭＳ ゴシック"/>
        <family val="3"/>
        <charset val="128"/>
      </rPr>
      <t>多様な人が住まう「街」への気づきと理解</t>
    </r>
    <r>
      <rPr>
        <sz val="12"/>
        <rFont val="ＭＳ 明朝"/>
        <family val="2"/>
        <charset val="128"/>
      </rPr>
      <t xml:space="preserve">
</t>
    </r>
    <phoneticPr fontId="1"/>
  </si>
  <si>
    <r>
      <rPr>
        <sz val="12"/>
        <rFont val="ＭＳ ゴシック"/>
        <family val="3"/>
        <charset val="128"/>
      </rPr>
      <t>バリアフリー教育の充実</t>
    </r>
    <r>
      <rPr>
        <sz val="12"/>
        <rFont val="ＭＳ 明朝"/>
        <family val="2"/>
        <charset val="128"/>
      </rPr>
      <t xml:space="preserve">
</t>
    </r>
    <phoneticPr fontId="1"/>
  </si>
  <si>
    <t>障がい者など当事者を含む関係者の参画（新）</t>
    <rPh sb="3" eb="4">
      <t>シャ</t>
    </rPh>
    <rPh sb="19" eb="20">
      <t>シン</t>
    </rPh>
    <phoneticPr fontId="1"/>
  </si>
  <si>
    <r>
      <t>(ア)障がい者など当事者を含む関係者の参画</t>
    </r>
    <r>
      <rPr>
        <sz val="12"/>
        <rFont val="ＭＳ 明朝"/>
        <family val="1"/>
        <charset val="128"/>
      </rPr>
      <t>（新）</t>
    </r>
    <rPh sb="6" eb="7">
      <t>シャ</t>
    </rPh>
    <phoneticPr fontId="1"/>
  </si>
  <si>
    <r>
      <rPr>
        <sz val="12"/>
        <rFont val="ＭＳ ゴシック"/>
        <family val="3"/>
        <charset val="128"/>
      </rPr>
      <t>施設の計画段階における関係者の参画</t>
    </r>
    <r>
      <rPr>
        <sz val="12"/>
        <rFont val="ＭＳ 明朝"/>
        <family val="2"/>
        <charset val="128"/>
      </rPr>
      <t xml:space="preserve">
</t>
    </r>
    <phoneticPr fontId="1"/>
  </si>
  <si>
    <r>
      <rPr>
        <sz val="12"/>
        <rFont val="ＭＳ ゴシック"/>
        <family val="3"/>
        <charset val="128"/>
      </rPr>
      <t>条例適合率・遵守率向上に向けた取組み</t>
    </r>
    <r>
      <rPr>
        <sz val="12"/>
        <rFont val="ＭＳ 明朝"/>
        <family val="2"/>
        <charset val="128"/>
      </rPr>
      <t xml:space="preserve">
</t>
    </r>
    <phoneticPr fontId="1"/>
  </si>
  <si>
    <t>設計関係者・建築主への研修の実施(新）</t>
    <rPh sb="0" eb="2">
      <t>セッケイ</t>
    </rPh>
    <rPh sb="6" eb="8">
      <t>ケンチク</t>
    </rPh>
    <rPh sb="8" eb="9">
      <t>ヌシ</t>
    </rPh>
    <rPh sb="14" eb="16">
      <t>ジッシ</t>
    </rPh>
    <rPh sb="17" eb="18">
      <t>シン</t>
    </rPh>
    <phoneticPr fontId="1"/>
  </si>
  <si>
    <r>
      <t>(ア)設計関係者・建築主への研修の実施</t>
    </r>
    <r>
      <rPr>
        <sz val="12"/>
        <rFont val="ＭＳ 明朝"/>
        <family val="1"/>
        <charset val="128"/>
      </rPr>
      <t>（新）</t>
    </r>
    <rPh sb="3" eb="5">
      <t>セッケイ</t>
    </rPh>
    <rPh sb="5" eb="8">
      <t>カンケイシャ</t>
    </rPh>
    <rPh sb="9" eb="11">
      <t>ケンチク</t>
    </rPh>
    <rPh sb="11" eb="12">
      <t>ヌシ</t>
    </rPh>
    <rPh sb="14" eb="16">
      <t>ケンシュウ</t>
    </rPh>
    <rPh sb="17" eb="19">
      <t>ジッシ</t>
    </rPh>
    <rPh sb="20" eb="21">
      <t>シ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5">
    <font>
      <sz val="12"/>
      <color theme="1"/>
      <name val="ＭＳ 明朝"/>
      <family val="2"/>
      <charset val="128"/>
    </font>
    <font>
      <sz val="6"/>
      <name val="ＭＳ 明朝"/>
      <family val="2"/>
      <charset val="128"/>
    </font>
    <font>
      <sz val="18"/>
      <name val="ＭＳ Ｐゴシック"/>
      <family val="3"/>
      <charset val="128"/>
    </font>
    <font>
      <sz val="12"/>
      <name val="ＭＳ 明朝"/>
      <family val="2"/>
      <charset val="128"/>
    </font>
    <font>
      <sz val="13"/>
      <name val="ＭＳ 明朝"/>
      <family val="2"/>
      <charset val="128"/>
    </font>
    <font>
      <sz val="12"/>
      <name val="ＭＳ ゴシック"/>
      <family val="3"/>
      <charset val="128"/>
    </font>
    <font>
      <sz val="12"/>
      <name val="ＭＳ 明朝"/>
      <family val="1"/>
      <charset val="128"/>
    </font>
    <font>
      <i/>
      <sz val="12"/>
      <name val="ＭＳ 明朝"/>
      <family val="1"/>
      <charset val="128"/>
    </font>
    <font>
      <i/>
      <u/>
      <sz val="12"/>
      <color rgb="FFFF0000"/>
      <name val="ＭＳ 明朝"/>
      <family val="1"/>
      <charset val="128"/>
    </font>
    <font>
      <u/>
      <sz val="12"/>
      <color rgb="FFFF0000"/>
      <name val="ＭＳ 明朝"/>
      <family val="2"/>
      <charset val="128"/>
    </font>
    <font>
      <sz val="14"/>
      <name val="ＭＳ Ｐゴシック"/>
      <family val="3"/>
      <charset val="128"/>
    </font>
    <font>
      <sz val="14"/>
      <name val="ＭＳ 明朝"/>
      <family val="2"/>
      <charset val="128"/>
    </font>
    <font>
      <sz val="14"/>
      <color theme="1"/>
      <name val="ＭＳ 明朝"/>
      <family val="2"/>
      <charset val="128"/>
    </font>
    <font>
      <b/>
      <sz val="18"/>
      <name val="ＭＳ ゴシック"/>
      <family val="3"/>
      <charset val="128"/>
    </font>
    <font>
      <b/>
      <sz val="18"/>
      <color theme="1"/>
      <name val="ＭＳ ゴシック"/>
      <family val="3"/>
      <charset val="128"/>
    </font>
  </fonts>
  <fills count="2">
    <fill>
      <patternFill patternType="none"/>
    </fill>
    <fill>
      <patternFill patternType="gray125"/>
    </fill>
  </fills>
  <borders count="30">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right/>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right/>
      <top style="thin">
        <color indexed="64"/>
      </top>
      <bottom style="dotted">
        <color indexed="64"/>
      </bottom>
      <diagonal/>
    </border>
    <border>
      <left/>
      <right style="thin">
        <color indexed="64"/>
      </right>
      <top style="dotted">
        <color indexed="64"/>
      </top>
      <bottom/>
      <diagonal/>
    </border>
    <border>
      <left style="thin">
        <color indexed="64"/>
      </left>
      <right/>
      <top style="dotted">
        <color indexed="64"/>
      </top>
      <bottom/>
      <diagonal/>
    </border>
    <border>
      <left/>
      <right/>
      <top style="thin">
        <color indexed="64"/>
      </top>
      <bottom style="thin">
        <color indexed="64"/>
      </bottom>
      <diagonal/>
    </border>
    <border>
      <left style="thin">
        <color indexed="64"/>
      </left>
      <right style="thin">
        <color indexed="64"/>
      </right>
      <top style="dotted">
        <color indexed="64"/>
      </top>
      <bottom/>
      <diagonal/>
    </border>
  </borders>
  <cellStyleXfs count="1">
    <xf numFmtId="0" fontId="0" fillId="0" borderId="0">
      <alignment vertical="center"/>
    </xf>
  </cellStyleXfs>
  <cellXfs count="105">
    <xf numFmtId="0" fontId="0" fillId="0" borderId="0" xfId="0">
      <alignment vertical="center"/>
    </xf>
    <xf numFmtId="0" fontId="0" fillId="0" borderId="0" xfId="0" applyFill="1" applyBorder="1">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3" fillId="0" borderId="3" xfId="0" applyFont="1" applyBorder="1">
      <alignment vertical="center"/>
    </xf>
    <xf numFmtId="0" fontId="3" fillId="0" borderId="0" xfId="0" applyFont="1" applyBorder="1">
      <alignment vertical="center"/>
    </xf>
    <xf numFmtId="0" fontId="3" fillId="0" borderId="4" xfId="0" applyFont="1" applyBorder="1">
      <alignment vertical="center"/>
    </xf>
    <xf numFmtId="0" fontId="3" fillId="0" borderId="12" xfId="0" applyFont="1" applyBorder="1" applyAlignment="1">
      <alignment vertical="top" textRotation="255" wrapText="1"/>
    </xf>
    <xf numFmtId="0" fontId="3" fillId="0" borderId="3" xfId="0" applyFont="1" applyBorder="1" applyAlignment="1">
      <alignment vertical="top" wrapText="1"/>
    </xf>
    <xf numFmtId="0" fontId="3" fillId="0" borderId="4" xfId="0" applyFont="1" applyBorder="1" applyAlignment="1">
      <alignment vertical="center" wrapText="1"/>
    </xf>
    <xf numFmtId="0" fontId="5" fillId="0" borderId="0" xfId="0" applyFont="1" applyBorder="1" applyAlignment="1">
      <alignment vertical="top" textRotation="255" wrapText="1"/>
    </xf>
    <xf numFmtId="0" fontId="5" fillId="0" borderId="4" xfId="0" applyFont="1" applyBorder="1" applyAlignment="1">
      <alignment vertical="top"/>
    </xf>
    <xf numFmtId="0" fontId="7" fillId="0" borderId="4" xfId="0" applyFont="1" applyBorder="1" applyAlignment="1">
      <alignment horizontal="left" vertical="center" wrapText="1"/>
    </xf>
    <xf numFmtId="0" fontId="5" fillId="0" borderId="19" xfId="0" applyFont="1" applyBorder="1" applyAlignment="1">
      <alignment vertical="top" textRotation="255" wrapText="1"/>
    </xf>
    <xf numFmtId="0" fontId="5" fillId="0" borderId="20" xfId="0" applyFont="1" applyBorder="1" applyAlignment="1">
      <alignment vertical="top"/>
    </xf>
    <xf numFmtId="0" fontId="3" fillId="0" borderId="20" xfId="0" applyFont="1" applyBorder="1">
      <alignment vertical="center"/>
    </xf>
    <xf numFmtId="0" fontId="5" fillId="0" borderId="5" xfId="0" applyFont="1" applyBorder="1" applyAlignment="1">
      <alignment vertical="top" textRotation="255" wrapText="1"/>
    </xf>
    <xf numFmtId="0" fontId="3" fillId="0" borderId="10" xfId="0" applyFont="1" applyBorder="1" applyAlignment="1">
      <alignment vertical="center" wrapText="1"/>
    </xf>
    <xf numFmtId="0" fontId="3" fillId="0" borderId="11" xfId="0" applyFont="1" applyBorder="1" applyAlignment="1">
      <alignment vertical="center" wrapText="1"/>
    </xf>
    <xf numFmtId="0" fontId="5" fillId="0" borderId="13" xfId="0" applyFont="1" applyBorder="1" applyAlignment="1">
      <alignment vertical="top" textRotation="255" wrapText="1"/>
    </xf>
    <xf numFmtId="0" fontId="7" fillId="0" borderId="11" xfId="0" applyFont="1" applyBorder="1" applyAlignment="1">
      <alignment vertical="center" wrapText="1"/>
    </xf>
    <xf numFmtId="0" fontId="5" fillId="0" borderId="4" xfId="0" applyFont="1" applyBorder="1" applyAlignment="1">
      <alignment vertical="top" wrapText="1"/>
    </xf>
    <xf numFmtId="0" fontId="5" fillId="0" borderId="20" xfId="0" applyFont="1" applyBorder="1" applyAlignment="1">
      <alignment vertical="top" wrapText="1"/>
    </xf>
    <xf numFmtId="0" fontId="7" fillId="0" borderId="18" xfId="0" applyFont="1" applyBorder="1" applyAlignment="1">
      <alignment vertical="center" wrapText="1"/>
    </xf>
    <xf numFmtId="0" fontId="3" fillId="0" borderId="11" xfId="0" applyFont="1" applyBorder="1">
      <alignment vertical="center"/>
    </xf>
    <xf numFmtId="0" fontId="5" fillId="0" borderId="16" xfId="0" applyFont="1" applyBorder="1" applyAlignment="1">
      <alignment vertical="top" textRotation="255" wrapText="1"/>
    </xf>
    <xf numFmtId="0" fontId="5" fillId="0" borderId="17" xfId="0" applyFont="1" applyBorder="1" applyAlignment="1">
      <alignment vertical="top" wrapText="1"/>
    </xf>
    <xf numFmtId="0" fontId="3" fillId="0" borderId="17" xfId="0" applyFont="1" applyBorder="1">
      <alignment vertical="center"/>
    </xf>
    <xf numFmtId="0" fontId="3" fillId="0" borderId="20" xfId="0" applyFont="1" applyBorder="1" applyAlignment="1">
      <alignment vertical="center" wrapText="1"/>
    </xf>
    <xf numFmtId="0" fontId="7" fillId="0" borderId="4" xfId="0" applyFont="1" applyBorder="1" applyAlignment="1">
      <alignment vertical="center" wrapText="1"/>
    </xf>
    <xf numFmtId="0" fontId="5" fillId="0" borderId="6" xfId="0" applyFont="1" applyBorder="1" applyAlignment="1">
      <alignment vertical="top"/>
    </xf>
    <xf numFmtId="0" fontId="7" fillId="0" borderId="6" xfId="0" applyFont="1" applyBorder="1" applyAlignment="1">
      <alignment vertical="center" wrapText="1"/>
    </xf>
    <xf numFmtId="0" fontId="5" fillId="0" borderId="23" xfId="0" applyFont="1" applyBorder="1" applyAlignment="1">
      <alignment vertical="top" textRotation="255" wrapText="1"/>
    </xf>
    <xf numFmtId="0" fontId="5" fillId="0" borderId="24" xfId="0" applyFont="1" applyBorder="1" applyAlignment="1">
      <alignment vertical="top" wrapText="1"/>
    </xf>
    <xf numFmtId="0" fontId="3" fillId="0" borderId="22" xfId="0" applyFont="1" applyBorder="1">
      <alignment vertical="center"/>
    </xf>
    <xf numFmtId="0" fontId="5" fillId="0" borderId="14" xfId="0" applyFont="1" applyBorder="1" applyAlignment="1">
      <alignment vertical="top"/>
    </xf>
    <xf numFmtId="0" fontId="5" fillId="0" borderId="6" xfId="0" applyFont="1" applyBorder="1" applyAlignment="1">
      <alignment vertical="top" wrapText="1"/>
    </xf>
    <xf numFmtId="0" fontId="7" fillId="0" borderId="6" xfId="0" applyFont="1" applyBorder="1">
      <alignment vertical="center"/>
    </xf>
    <xf numFmtId="0" fontId="5" fillId="0" borderId="25" xfId="0" applyFont="1" applyBorder="1" applyAlignment="1">
      <alignment vertical="top" wrapText="1"/>
    </xf>
    <xf numFmtId="0" fontId="5" fillId="0" borderId="21" xfId="0" applyFont="1" applyBorder="1" applyAlignment="1">
      <alignment vertical="top" wrapText="1"/>
    </xf>
    <xf numFmtId="0" fontId="3" fillId="0" borderId="18" xfId="0" applyFont="1" applyBorder="1">
      <alignment vertical="center"/>
    </xf>
    <xf numFmtId="0" fontId="5" fillId="0" borderId="19" xfId="0" applyFont="1" applyBorder="1" applyAlignment="1">
      <alignment vertical="top"/>
    </xf>
    <xf numFmtId="0" fontId="5" fillId="0" borderId="13" xfId="0" applyFont="1" applyBorder="1" applyAlignment="1">
      <alignment vertical="top"/>
    </xf>
    <xf numFmtId="0" fontId="5" fillId="0" borderId="5" xfId="0" applyFont="1" applyBorder="1" applyAlignment="1">
      <alignment vertical="top"/>
    </xf>
    <xf numFmtId="0" fontId="7" fillId="0" borderId="9" xfId="0" applyFont="1" applyFill="1" applyBorder="1" applyAlignment="1">
      <alignment vertical="center" wrapText="1"/>
    </xf>
    <xf numFmtId="0" fontId="5" fillId="0" borderId="0" xfId="0" applyFont="1" applyBorder="1" applyAlignment="1">
      <alignment vertical="top" wrapText="1"/>
    </xf>
    <xf numFmtId="0" fontId="3" fillId="0" borderId="15" xfId="0" applyFont="1" applyBorder="1" applyAlignment="1">
      <alignment vertical="center" wrapText="1"/>
    </xf>
    <xf numFmtId="0" fontId="8" fillId="0" borderId="11" xfId="0" applyFont="1" applyBorder="1" applyAlignment="1">
      <alignment vertical="center" wrapText="1"/>
    </xf>
    <xf numFmtId="0" fontId="5" fillId="0" borderId="20" xfId="0" applyFont="1" applyBorder="1" applyAlignment="1">
      <alignment vertical="top" wrapText="1"/>
    </xf>
    <xf numFmtId="0" fontId="5" fillId="0" borderId="4" xfId="0" applyFont="1" applyBorder="1" applyAlignment="1">
      <alignment vertical="top" wrapText="1"/>
    </xf>
    <xf numFmtId="0" fontId="5" fillId="0" borderId="6" xfId="0" applyFont="1" applyBorder="1" applyAlignment="1">
      <alignment vertical="top" wrapText="1"/>
    </xf>
    <xf numFmtId="0" fontId="5" fillId="0" borderId="19" xfId="0" applyFont="1" applyBorder="1" applyAlignment="1">
      <alignment vertical="top" textRotation="255" wrapText="1"/>
    </xf>
    <xf numFmtId="0" fontId="5" fillId="0" borderId="12" xfId="0" applyFont="1" applyBorder="1" applyAlignment="1">
      <alignment vertical="top" wrapText="1"/>
    </xf>
    <xf numFmtId="0" fontId="5" fillId="0" borderId="13" xfId="0" applyFont="1" applyBorder="1" applyAlignment="1">
      <alignment vertical="top" wrapText="1"/>
    </xf>
    <xf numFmtId="0" fontId="5" fillId="0" borderId="27" xfId="0" applyFont="1" applyBorder="1" applyAlignment="1">
      <alignment vertical="top" wrapText="1"/>
    </xf>
    <xf numFmtId="0" fontId="9" fillId="0" borderId="4" xfId="0" applyFont="1" applyBorder="1">
      <alignment vertical="center"/>
    </xf>
    <xf numFmtId="0" fontId="7" fillId="0" borderId="4" xfId="0" applyFont="1" applyBorder="1">
      <alignment vertical="center"/>
    </xf>
    <xf numFmtId="0" fontId="7" fillId="0" borderId="11" xfId="0" applyFont="1" applyFill="1" applyBorder="1" applyAlignment="1">
      <alignment vertical="center" wrapText="1"/>
    </xf>
    <xf numFmtId="0" fontId="0" fillId="0" borderId="0" xfId="0" applyBorder="1">
      <alignment vertical="center"/>
    </xf>
    <xf numFmtId="0" fontId="5" fillId="0" borderId="27" xfId="0" applyFont="1" applyBorder="1" applyAlignment="1">
      <alignment vertical="top" textRotation="255" wrapText="1"/>
    </xf>
    <xf numFmtId="0" fontId="3" fillId="0" borderId="26" xfId="0" applyFont="1" applyBorder="1">
      <alignment vertical="center"/>
    </xf>
    <xf numFmtId="0" fontId="7" fillId="0" borderId="20" xfId="0" applyFont="1" applyBorder="1" applyAlignment="1">
      <alignment horizontal="left" vertical="center" wrapText="1"/>
    </xf>
    <xf numFmtId="0" fontId="6" fillId="0" borderId="26" xfId="0" applyFont="1" applyBorder="1" applyAlignment="1">
      <alignment horizontal="left" vertical="center" wrapText="1"/>
    </xf>
    <xf numFmtId="0" fontId="5" fillId="0" borderId="19" xfId="0" applyFont="1" applyBorder="1" applyAlignment="1">
      <alignment vertical="top" wrapText="1"/>
    </xf>
    <xf numFmtId="0" fontId="6" fillId="0" borderId="4" xfId="0" applyFont="1" applyBorder="1" applyAlignment="1">
      <alignment vertical="center" wrapText="1"/>
    </xf>
    <xf numFmtId="0" fontId="6" fillId="0" borderId="29" xfId="0" applyFont="1" applyBorder="1" applyAlignment="1">
      <alignment vertical="center" wrapText="1"/>
    </xf>
    <xf numFmtId="0" fontId="6" fillId="0" borderId="11" xfId="0" applyFont="1" applyBorder="1" applyAlignment="1">
      <alignment vertical="center" wrapText="1"/>
    </xf>
    <xf numFmtId="0" fontId="5" fillId="0" borderId="16" xfId="0" applyFont="1" applyBorder="1" applyAlignment="1">
      <alignment vertical="top" wrapText="1"/>
    </xf>
    <xf numFmtId="0" fontId="5" fillId="0" borderId="2" xfId="0" applyFont="1" applyBorder="1" applyAlignment="1">
      <alignment vertical="top" wrapText="1"/>
    </xf>
    <xf numFmtId="0" fontId="3" fillId="0" borderId="26" xfId="0" applyFont="1" applyBorder="1" applyAlignment="1">
      <alignment vertical="center" wrapText="1"/>
    </xf>
    <xf numFmtId="0" fontId="5" fillId="0" borderId="19" xfId="0" applyFont="1" applyBorder="1" applyAlignment="1">
      <alignment vertical="top" textRotation="255" wrapText="1"/>
    </xf>
    <xf numFmtId="0" fontId="3" fillId="0" borderId="9" xfId="0" applyFont="1" applyBorder="1">
      <alignment vertical="center"/>
    </xf>
    <xf numFmtId="0" fontId="10" fillId="0" borderId="1" xfId="0" applyFont="1" applyBorder="1" applyAlignment="1">
      <alignment horizontal="center" vertical="center"/>
    </xf>
    <xf numFmtId="0" fontId="10" fillId="0" borderId="13" xfId="0" applyFont="1" applyBorder="1" applyAlignment="1">
      <alignment horizontal="center" vertical="center"/>
    </xf>
    <xf numFmtId="0" fontId="12" fillId="0" borderId="0" xfId="0" applyFont="1">
      <alignment vertical="center"/>
    </xf>
    <xf numFmtId="0" fontId="13" fillId="0" borderId="0" xfId="0" applyFont="1" applyBorder="1">
      <alignment vertical="center"/>
    </xf>
    <xf numFmtId="0" fontId="14" fillId="0" borderId="0" xfId="0" applyFont="1">
      <alignment vertical="center"/>
    </xf>
    <xf numFmtId="0" fontId="5" fillId="0" borderId="12" xfId="0" applyFont="1" applyBorder="1" applyAlignment="1">
      <alignment vertical="top" wrapText="1"/>
    </xf>
    <xf numFmtId="0" fontId="5" fillId="0" borderId="13" xfId="0" applyFont="1" applyBorder="1" applyAlignment="1">
      <alignment vertical="top" wrapText="1"/>
    </xf>
    <xf numFmtId="0" fontId="5" fillId="0" borderId="27" xfId="0" applyFont="1" applyBorder="1" applyAlignment="1">
      <alignment vertical="top" wrapText="1"/>
    </xf>
    <xf numFmtId="0" fontId="5" fillId="0" borderId="14" xfId="0" applyFont="1" applyBorder="1" applyAlignment="1">
      <alignment vertical="top" wrapText="1"/>
    </xf>
    <xf numFmtId="0" fontId="5" fillId="0" borderId="26" xfId="0" applyFont="1" applyBorder="1" applyAlignment="1">
      <alignment vertical="top" wrapText="1"/>
    </xf>
    <xf numFmtId="0" fontId="5" fillId="0" borderId="6" xfId="0" applyFont="1" applyBorder="1" applyAlignment="1">
      <alignment vertical="top" wrapText="1"/>
    </xf>
    <xf numFmtId="0" fontId="10" fillId="0" borderId="7" xfId="0" applyFont="1" applyBorder="1" applyAlignment="1">
      <alignment horizontal="center" vertical="center" shrinkToFit="1"/>
    </xf>
    <xf numFmtId="0" fontId="11" fillId="0" borderId="8" xfId="0" applyFont="1" applyBorder="1" applyAlignment="1">
      <alignment vertical="center" shrinkToFit="1"/>
    </xf>
    <xf numFmtId="0" fontId="10" fillId="0" borderId="8" xfId="0" applyFont="1" applyBorder="1" applyAlignment="1">
      <alignment horizontal="center" vertical="center" shrinkToFit="1"/>
    </xf>
    <xf numFmtId="0" fontId="5" fillId="0" borderId="1" xfId="0" applyFont="1" applyBorder="1" applyAlignment="1">
      <alignment horizontal="center" vertical="center" textRotation="255"/>
    </xf>
    <xf numFmtId="0" fontId="3" fillId="0" borderId="9" xfId="0" applyFont="1" applyBorder="1" applyAlignment="1">
      <alignment vertical="center" wrapText="1"/>
    </xf>
    <xf numFmtId="0" fontId="3" fillId="0" borderId="1" xfId="0" applyFont="1" applyBorder="1" applyAlignment="1">
      <alignment vertical="center" wrapText="1"/>
    </xf>
    <xf numFmtId="0" fontId="5" fillId="0" borderId="20" xfId="0" applyFont="1" applyBorder="1" applyAlignment="1">
      <alignment vertical="top" wrapText="1"/>
    </xf>
    <xf numFmtId="0" fontId="5" fillId="0" borderId="4" xfId="0" applyFont="1" applyBorder="1" applyAlignment="1">
      <alignment vertical="top"/>
    </xf>
    <xf numFmtId="0" fontId="5" fillId="0" borderId="4" xfId="0" applyFont="1" applyBorder="1" applyAlignment="1">
      <alignment vertical="top" wrapText="1"/>
    </xf>
    <xf numFmtId="0" fontId="5" fillId="0" borderId="3" xfId="0" applyFont="1" applyBorder="1" applyAlignment="1">
      <alignment vertical="top" wrapText="1"/>
    </xf>
    <xf numFmtId="0" fontId="5" fillId="0" borderId="1" xfId="0" applyFont="1" applyBorder="1" applyAlignment="1">
      <alignment horizontal="center" vertical="center" wrapText="1"/>
    </xf>
    <xf numFmtId="0" fontId="3" fillId="0" borderId="1" xfId="0" applyFont="1" applyBorder="1" applyAlignment="1">
      <alignment vertical="top" wrapText="1"/>
    </xf>
    <xf numFmtId="0" fontId="5" fillId="0" borderId="12" xfId="0" applyFont="1" applyBorder="1" applyAlignment="1">
      <alignment vertical="top" textRotation="255" wrapText="1"/>
    </xf>
    <xf numFmtId="0" fontId="5" fillId="0" borderId="19" xfId="0" applyFont="1" applyBorder="1" applyAlignment="1">
      <alignment vertical="top" textRotation="255" wrapText="1"/>
    </xf>
    <xf numFmtId="0" fontId="3" fillId="0" borderId="29" xfId="0" applyFont="1" applyBorder="1" applyAlignment="1">
      <alignment vertical="center" wrapText="1"/>
    </xf>
    <xf numFmtId="0" fontId="3" fillId="0" borderId="11" xfId="0" applyFont="1" applyBorder="1" applyAlignment="1">
      <alignment vertical="center" wrapText="1"/>
    </xf>
    <xf numFmtId="0" fontId="5" fillId="0" borderId="9" xfId="0" applyFont="1" applyBorder="1" applyAlignment="1">
      <alignment vertical="center" wrapText="1"/>
    </xf>
    <xf numFmtId="0" fontId="13" fillId="0" borderId="7" xfId="0" applyFont="1" applyFill="1" applyBorder="1" applyAlignment="1">
      <alignment horizontal="center" vertical="center"/>
    </xf>
    <xf numFmtId="0" fontId="13" fillId="0" borderId="28" xfId="0" applyFont="1" applyFill="1" applyBorder="1" applyAlignment="1">
      <alignment horizontal="center" vertical="center"/>
    </xf>
    <xf numFmtId="0" fontId="13" fillId="0" borderId="8" xfId="0" applyFont="1" applyFill="1" applyBorder="1" applyAlignment="1">
      <alignment horizontal="center" vertical="center"/>
    </xf>
    <xf numFmtId="0" fontId="5" fillId="0" borderId="1" xfId="0" applyFon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3352800</xdr:colOff>
      <xdr:row>0</xdr:row>
      <xdr:rowOff>47626</xdr:rowOff>
    </xdr:from>
    <xdr:to>
      <xdr:col>10</xdr:col>
      <xdr:colOff>4585970</xdr:colOff>
      <xdr:row>0</xdr:row>
      <xdr:rowOff>335280</xdr:rowOff>
    </xdr:to>
    <xdr:sp macro="" textlink="">
      <xdr:nvSpPr>
        <xdr:cNvPr id="4" name="Rectangle 2"/>
        <xdr:cNvSpPr>
          <a:spLocks noChangeArrowheads="1"/>
        </xdr:cNvSpPr>
      </xdr:nvSpPr>
      <xdr:spPr bwMode="auto">
        <a:xfrm>
          <a:off x="13883640" y="47626"/>
          <a:ext cx="1233170" cy="287654"/>
        </a:xfrm>
        <a:prstGeom prst="rect">
          <a:avLst/>
        </a:prstGeom>
        <a:solidFill>
          <a:srgbClr val="FFFFFF"/>
        </a:solidFill>
        <a:ln w="9525">
          <a:solidFill>
            <a:srgbClr val="000000"/>
          </a:solidFill>
          <a:miter lim="800000"/>
          <a:headEnd/>
          <a:tailEnd/>
        </a:ln>
      </xdr:spPr>
      <xdr:txBody>
        <a:bodyPr rot="0" vert="horz" wrap="square" lIns="74295" tIns="8890" rIns="74295" bIns="8890" anchor="ctr" anchorCtr="0" upright="1">
          <a:noAutofit/>
        </a:bodyPr>
        <a:lstStyle/>
        <a:p>
          <a:pPr algn="ctr">
            <a:spcAft>
              <a:spcPts val="0"/>
            </a:spcAft>
          </a:pPr>
          <a:r>
            <a:rPr lang="ja-JP" altLang="en-US" sz="1200" kern="100">
              <a:effectLst/>
              <a:latin typeface="ＭＳ 明朝" panose="02020609040205080304" pitchFamily="17" charset="-128"/>
              <a:ea typeface="ＭＳ ゴシック" panose="020B0609070205080204" pitchFamily="49" charset="-128"/>
              <a:cs typeface="Times New Roman" panose="02020603050405020304" pitchFamily="18" charset="0"/>
            </a:rPr>
            <a:t>参考資料３</a:t>
          </a:r>
          <a:endParaRPr lang="en-US" altLang="ja-JP" sz="1200" kern="100">
            <a:effectLst/>
            <a:latin typeface="ＭＳ 明朝" panose="02020609040205080304" pitchFamily="17" charset="-128"/>
            <a:ea typeface="ＭＳ ゴシック" panose="020B0609070205080204" pitchFamily="49"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3"/>
  <sheetViews>
    <sheetView tabSelected="1" view="pageBreakPreview" topLeftCell="F1" zoomScaleNormal="100" zoomScaleSheetLayoutView="100" workbookViewId="0">
      <selection activeCell="K2" sqref="K2"/>
    </sheetView>
  </sheetViews>
  <sheetFormatPr defaultRowHeight="14.4"/>
  <cols>
    <col min="1" max="1" width="2.69921875" customWidth="1"/>
    <col min="2" max="2" width="12.69921875" customWidth="1"/>
    <col min="3" max="3" width="3.5" customWidth="1"/>
    <col min="4" max="4" width="15.59765625" customWidth="1"/>
    <col min="5" max="5" width="65.59765625" customWidth="1"/>
    <col min="6" max="6" width="3.59765625" style="59" customWidth="1"/>
    <col min="7" max="7" width="2.69921875" customWidth="1"/>
    <col min="8" max="8" width="12.69921875" customWidth="1"/>
    <col min="9" max="9" width="3.5" customWidth="1"/>
    <col min="10" max="10" width="15.59765625" customWidth="1"/>
    <col min="11" max="11" width="65.59765625" customWidth="1"/>
  </cols>
  <sheetData>
    <row r="1" spans="1:11" ht="30" customHeight="1">
      <c r="A1" s="2" t="s">
        <v>84</v>
      </c>
      <c r="B1" s="3"/>
      <c r="C1" s="3"/>
      <c r="D1" s="3"/>
      <c r="E1" s="3"/>
      <c r="F1" s="6"/>
      <c r="G1" s="2"/>
      <c r="H1" s="3"/>
      <c r="I1" s="3"/>
      <c r="J1" s="3"/>
      <c r="K1" s="3"/>
    </row>
    <row r="2" spans="1:11" ht="21" customHeight="1">
      <c r="A2" s="2"/>
      <c r="B2" s="4" t="s">
        <v>19</v>
      </c>
      <c r="C2" s="3"/>
      <c r="D2" s="3"/>
      <c r="E2" s="3"/>
      <c r="F2" s="6"/>
      <c r="G2" s="2"/>
      <c r="H2" s="4"/>
      <c r="I2" s="3"/>
      <c r="J2" s="3"/>
      <c r="K2" s="3"/>
    </row>
    <row r="3" spans="1:11" ht="9" customHeight="1">
      <c r="A3" s="3"/>
      <c r="B3" s="3"/>
      <c r="C3" s="3"/>
      <c r="D3" s="3"/>
      <c r="E3" s="3"/>
      <c r="F3" s="6"/>
      <c r="G3" s="3"/>
      <c r="H3" s="3"/>
      <c r="I3" s="3"/>
      <c r="J3" s="3"/>
      <c r="K3" s="3"/>
    </row>
    <row r="4" spans="1:11" s="77" customFormat="1" ht="30" customHeight="1">
      <c r="A4" s="101" t="s">
        <v>20</v>
      </c>
      <c r="B4" s="102"/>
      <c r="C4" s="102"/>
      <c r="D4" s="102"/>
      <c r="E4" s="103"/>
      <c r="F4" s="76"/>
      <c r="G4" s="101" t="s">
        <v>21</v>
      </c>
      <c r="H4" s="102"/>
      <c r="I4" s="102"/>
      <c r="J4" s="102"/>
      <c r="K4" s="103"/>
    </row>
    <row r="5" spans="1:11" s="75" customFormat="1" ht="22.05" customHeight="1">
      <c r="A5" s="84" t="s">
        <v>7</v>
      </c>
      <c r="B5" s="85"/>
      <c r="C5" s="84" t="s">
        <v>8</v>
      </c>
      <c r="D5" s="86"/>
      <c r="E5" s="73" t="s">
        <v>10</v>
      </c>
      <c r="F5" s="74"/>
      <c r="G5" s="84" t="s">
        <v>7</v>
      </c>
      <c r="H5" s="85"/>
      <c r="I5" s="84" t="s">
        <v>8</v>
      </c>
      <c r="J5" s="86"/>
      <c r="K5" s="73" t="s">
        <v>10</v>
      </c>
    </row>
    <row r="6" spans="1:11">
      <c r="A6" s="87">
        <v>1</v>
      </c>
      <c r="B6" s="88" t="s">
        <v>92</v>
      </c>
      <c r="C6" s="8"/>
      <c r="D6" s="9"/>
      <c r="E6" s="5"/>
      <c r="F6" s="7"/>
      <c r="G6" s="87">
        <v>1</v>
      </c>
      <c r="H6" s="100" t="s">
        <v>22</v>
      </c>
      <c r="I6" s="8"/>
      <c r="J6" s="9"/>
      <c r="K6" s="5"/>
    </row>
    <row r="7" spans="1:11" ht="30" customHeight="1">
      <c r="A7" s="87"/>
      <c r="B7" s="89"/>
      <c r="C7" s="79" t="s">
        <v>0</v>
      </c>
      <c r="D7" s="92" t="s">
        <v>11</v>
      </c>
      <c r="E7" s="7" t="s">
        <v>57</v>
      </c>
      <c r="F7" s="7"/>
      <c r="G7" s="87"/>
      <c r="H7" s="89"/>
      <c r="I7" s="54" t="s">
        <v>27</v>
      </c>
      <c r="J7" s="92" t="s">
        <v>26</v>
      </c>
      <c r="K7" s="7" t="s">
        <v>30</v>
      </c>
    </row>
    <row r="8" spans="1:11" ht="30" customHeight="1">
      <c r="A8" s="87"/>
      <c r="B8" s="89"/>
      <c r="C8" s="79"/>
      <c r="D8" s="92"/>
      <c r="E8" s="10" t="s">
        <v>86</v>
      </c>
      <c r="F8" s="10"/>
      <c r="G8" s="87"/>
      <c r="H8" s="89"/>
      <c r="I8" s="54"/>
      <c r="J8" s="92"/>
      <c r="K8" s="10"/>
    </row>
    <row r="9" spans="1:11" ht="30" customHeight="1">
      <c r="A9" s="87"/>
      <c r="B9" s="89"/>
      <c r="C9" s="11"/>
      <c r="D9" s="92"/>
      <c r="E9" s="7" t="s">
        <v>58</v>
      </c>
      <c r="F9" s="7"/>
      <c r="G9" s="87"/>
      <c r="H9" s="89"/>
      <c r="I9" s="11"/>
      <c r="J9" s="92"/>
      <c r="K9" s="7"/>
    </row>
    <row r="10" spans="1:11" ht="30" customHeight="1">
      <c r="A10" s="87"/>
      <c r="B10" s="89"/>
      <c r="C10" s="11"/>
      <c r="D10" s="92"/>
      <c r="E10" s="7" t="s">
        <v>59</v>
      </c>
      <c r="F10" s="7"/>
      <c r="G10" s="87"/>
      <c r="H10" s="89"/>
      <c r="I10" s="55" t="s">
        <v>27</v>
      </c>
      <c r="J10" s="82" t="s">
        <v>28</v>
      </c>
      <c r="K10" s="61" t="s">
        <v>31</v>
      </c>
    </row>
    <row r="11" spans="1:11" ht="30" customHeight="1">
      <c r="A11" s="87"/>
      <c r="B11" s="89"/>
      <c r="C11" s="11"/>
      <c r="D11" s="92"/>
      <c r="E11" s="7" t="s">
        <v>60</v>
      </c>
      <c r="F11" s="7"/>
      <c r="G11" s="87"/>
      <c r="H11" s="89"/>
      <c r="I11" s="20"/>
      <c r="J11" s="92"/>
      <c r="K11" s="99" t="s">
        <v>32</v>
      </c>
    </row>
    <row r="12" spans="1:11" ht="30" customHeight="1">
      <c r="A12" s="87"/>
      <c r="B12" s="89"/>
      <c r="C12" s="11"/>
      <c r="D12" s="92"/>
      <c r="E12" s="10" t="s">
        <v>87</v>
      </c>
      <c r="F12" s="7"/>
      <c r="G12" s="87"/>
      <c r="H12" s="89"/>
      <c r="I12" s="20"/>
      <c r="J12" s="92"/>
      <c r="K12" s="99"/>
    </row>
    <row r="13" spans="1:11">
      <c r="A13" s="87"/>
      <c r="B13" s="89"/>
      <c r="C13" s="11"/>
      <c r="D13" s="12"/>
      <c r="E13" s="13"/>
      <c r="F13" s="13"/>
      <c r="G13" s="87"/>
      <c r="H13" s="89"/>
      <c r="I13" s="52"/>
      <c r="J13" s="90"/>
      <c r="K13" s="62"/>
    </row>
    <row r="14" spans="1:11">
      <c r="A14" s="87"/>
      <c r="B14" s="89"/>
      <c r="C14" s="11"/>
      <c r="D14" s="12"/>
      <c r="E14" s="13"/>
      <c r="F14" s="13"/>
      <c r="G14" s="87"/>
      <c r="H14" s="89"/>
      <c r="I14" s="55" t="s">
        <v>36</v>
      </c>
      <c r="J14" s="82" t="s">
        <v>29</v>
      </c>
      <c r="K14" s="63" t="s">
        <v>33</v>
      </c>
    </row>
    <row r="15" spans="1:11">
      <c r="A15" s="87"/>
      <c r="B15" s="89"/>
      <c r="C15" s="11"/>
      <c r="D15" s="12"/>
      <c r="E15" s="13"/>
      <c r="F15" s="13"/>
      <c r="G15" s="87"/>
      <c r="H15" s="89"/>
      <c r="I15" s="20"/>
      <c r="J15" s="92"/>
      <c r="K15" s="13"/>
    </row>
    <row r="16" spans="1:11">
      <c r="A16" s="87"/>
      <c r="B16" s="89"/>
      <c r="C16" s="14"/>
      <c r="D16" s="15"/>
      <c r="E16" s="16"/>
      <c r="F16" s="7"/>
      <c r="G16" s="87"/>
      <c r="H16" s="89"/>
      <c r="I16" s="20"/>
      <c r="J16" s="92"/>
      <c r="K16" s="7"/>
    </row>
    <row r="17" spans="1:11" ht="30" customHeight="1">
      <c r="A17" s="87"/>
      <c r="B17" s="89"/>
      <c r="C17" s="80" t="s">
        <v>1</v>
      </c>
      <c r="D17" s="82" t="s">
        <v>12</v>
      </c>
      <c r="E17" s="10" t="s">
        <v>61</v>
      </c>
      <c r="F17" s="10"/>
      <c r="G17" s="87"/>
      <c r="H17" s="89"/>
      <c r="I17" s="64"/>
      <c r="J17" s="90"/>
      <c r="K17" s="29"/>
    </row>
    <row r="18" spans="1:11" ht="30" customHeight="1">
      <c r="A18" s="87"/>
      <c r="B18" s="89"/>
      <c r="C18" s="79"/>
      <c r="D18" s="92"/>
      <c r="E18" s="10" t="s">
        <v>62</v>
      </c>
      <c r="F18" s="10"/>
      <c r="G18" s="87"/>
      <c r="H18" s="89"/>
      <c r="I18" s="54" t="s">
        <v>27</v>
      </c>
      <c r="J18" s="82" t="s">
        <v>34</v>
      </c>
      <c r="K18" s="98" t="s">
        <v>35</v>
      </c>
    </row>
    <row r="19" spans="1:11" ht="30" customHeight="1">
      <c r="A19" s="87"/>
      <c r="B19" s="89"/>
      <c r="C19" s="46"/>
      <c r="D19" s="92"/>
      <c r="E19" s="65" t="s">
        <v>63</v>
      </c>
      <c r="F19" s="10"/>
      <c r="G19" s="87"/>
      <c r="H19" s="89"/>
      <c r="I19" s="46"/>
      <c r="J19" s="92"/>
      <c r="K19" s="99"/>
    </row>
    <row r="20" spans="1:11" ht="17.25" customHeight="1">
      <c r="A20" s="87"/>
      <c r="B20" s="89"/>
      <c r="C20" s="46"/>
      <c r="D20" s="92"/>
      <c r="E20" s="30"/>
      <c r="F20" s="10"/>
      <c r="G20" s="87"/>
      <c r="H20" s="89"/>
      <c r="I20" s="46"/>
      <c r="J20" s="92"/>
      <c r="K20" s="10"/>
    </row>
    <row r="21" spans="1:11" ht="17.25" customHeight="1">
      <c r="A21" s="87"/>
      <c r="B21" s="89"/>
      <c r="C21" s="17"/>
      <c r="D21" s="83"/>
      <c r="E21" s="13"/>
      <c r="F21" s="13"/>
      <c r="G21" s="87"/>
      <c r="H21" s="89"/>
      <c r="I21" s="17"/>
      <c r="J21" s="83"/>
      <c r="K21" s="13"/>
    </row>
    <row r="22" spans="1:11" ht="30" customHeight="1">
      <c r="A22" s="87">
        <v>2</v>
      </c>
      <c r="B22" s="88" t="s">
        <v>91</v>
      </c>
      <c r="C22" s="78" t="s">
        <v>0</v>
      </c>
      <c r="D22" s="93" t="s">
        <v>88</v>
      </c>
      <c r="E22" s="18" t="s">
        <v>89</v>
      </c>
      <c r="F22" s="19"/>
      <c r="G22" s="87">
        <v>2</v>
      </c>
      <c r="H22" s="100" t="s">
        <v>23</v>
      </c>
      <c r="I22" s="78" t="s">
        <v>27</v>
      </c>
      <c r="J22" s="93" t="s">
        <v>37</v>
      </c>
      <c r="K22" s="18" t="s">
        <v>38</v>
      </c>
    </row>
    <row r="23" spans="1:11" ht="30" customHeight="1">
      <c r="A23" s="87"/>
      <c r="B23" s="89"/>
      <c r="C23" s="79"/>
      <c r="D23" s="92"/>
      <c r="E23" s="19" t="s">
        <v>64</v>
      </c>
      <c r="F23" s="19"/>
      <c r="G23" s="87"/>
      <c r="H23" s="89"/>
      <c r="I23" s="79"/>
      <c r="J23" s="92"/>
      <c r="K23" s="19"/>
    </row>
    <row r="24" spans="1:11" ht="30" customHeight="1">
      <c r="A24" s="87"/>
      <c r="B24" s="89"/>
      <c r="C24" s="20"/>
      <c r="D24" s="92"/>
      <c r="E24" s="67" t="s">
        <v>65</v>
      </c>
      <c r="F24" s="19"/>
      <c r="G24" s="87"/>
      <c r="H24" s="89"/>
      <c r="I24" s="20"/>
      <c r="J24" s="92"/>
      <c r="K24" s="19"/>
    </row>
    <row r="25" spans="1:11" ht="32.25" customHeight="1">
      <c r="A25" s="87"/>
      <c r="B25" s="89"/>
      <c r="C25" s="11"/>
      <c r="D25" s="92"/>
      <c r="E25" s="21"/>
      <c r="F25" s="21"/>
      <c r="G25" s="87"/>
      <c r="H25" s="89"/>
      <c r="I25" s="55" t="s">
        <v>27</v>
      </c>
      <c r="J25" s="82" t="s">
        <v>39</v>
      </c>
      <c r="K25" s="66" t="s">
        <v>40</v>
      </c>
    </row>
    <row r="26" spans="1:11" ht="32.25" customHeight="1">
      <c r="A26" s="87"/>
      <c r="B26" s="89"/>
      <c r="C26" s="11"/>
      <c r="D26" s="22"/>
      <c r="E26" s="21"/>
      <c r="F26" s="48"/>
      <c r="G26" s="87"/>
      <c r="H26" s="89"/>
      <c r="I26" s="20"/>
      <c r="J26" s="92"/>
      <c r="K26" s="67" t="s">
        <v>41</v>
      </c>
    </row>
    <row r="27" spans="1:11" ht="25.5" customHeight="1">
      <c r="A27" s="87"/>
      <c r="B27" s="89"/>
      <c r="C27" s="11"/>
      <c r="D27" s="22"/>
      <c r="E27" s="21"/>
      <c r="F27" s="21"/>
      <c r="G27" s="87"/>
      <c r="H27" s="89"/>
      <c r="I27" s="52"/>
      <c r="J27" s="90"/>
      <c r="K27" s="24"/>
    </row>
    <row r="28" spans="1:11" ht="31.5" customHeight="1">
      <c r="A28" s="87"/>
      <c r="B28" s="89"/>
      <c r="C28" s="14"/>
      <c r="D28" s="23"/>
      <c r="E28" s="24"/>
      <c r="F28" s="21"/>
      <c r="G28" s="87"/>
      <c r="H28" s="89"/>
      <c r="I28" s="55" t="s">
        <v>27</v>
      </c>
      <c r="J28" s="82" t="s">
        <v>42</v>
      </c>
      <c r="K28" s="66" t="s">
        <v>43</v>
      </c>
    </row>
    <row r="29" spans="1:11" ht="30" customHeight="1">
      <c r="A29" s="87"/>
      <c r="B29" s="89"/>
      <c r="C29" s="80" t="s">
        <v>1</v>
      </c>
      <c r="D29" s="82" t="s">
        <v>4</v>
      </c>
      <c r="E29" s="25" t="s">
        <v>66</v>
      </c>
      <c r="F29" s="25"/>
      <c r="G29" s="87"/>
      <c r="H29" s="89"/>
      <c r="I29" s="79"/>
      <c r="J29" s="92"/>
      <c r="K29" s="25" t="s">
        <v>44</v>
      </c>
    </row>
    <row r="30" spans="1:11" ht="25.5" customHeight="1">
      <c r="A30" s="87"/>
      <c r="B30" s="89"/>
      <c r="C30" s="81"/>
      <c r="D30" s="83"/>
      <c r="E30" s="72"/>
      <c r="F30" s="25"/>
      <c r="G30" s="87"/>
      <c r="H30" s="89"/>
      <c r="I30" s="81"/>
      <c r="J30" s="83"/>
      <c r="K30" s="72"/>
    </row>
    <row r="31" spans="1:11" ht="60" customHeight="1">
      <c r="A31" s="94" t="s">
        <v>16</v>
      </c>
      <c r="B31" s="95" t="s">
        <v>90</v>
      </c>
      <c r="C31" s="26" t="s">
        <v>0</v>
      </c>
      <c r="D31" s="27" t="s">
        <v>56</v>
      </c>
      <c r="E31" s="28" t="s">
        <v>67</v>
      </c>
      <c r="F31" s="7"/>
      <c r="G31" s="94" t="s">
        <v>16</v>
      </c>
      <c r="H31" s="95" t="s">
        <v>24</v>
      </c>
      <c r="I31" s="68" t="s">
        <v>27</v>
      </c>
      <c r="J31" s="27" t="s">
        <v>45</v>
      </c>
      <c r="K31" s="28" t="s">
        <v>46</v>
      </c>
    </row>
    <row r="32" spans="1:11" ht="60" customHeight="1">
      <c r="A32" s="94"/>
      <c r="B32" s="95"/>
      <c r="C32" s="14" t="s">
        <v>1</v>
      </c>
      <c r="D32" s="49" t="s">
        <v>85</v>
      </c>
      <c r="E32" s="16" t="s">
        <v>69</v>
      </c>
      <c r="F32" s="56"/>
      <c r="G32" s="94"/>
      <c r="H32" s="95"/>
      <c r="I32" s="64" t="s">
        <v>27</v>
      </c>
      <c r="J32" s="49" t="s">
        <v>47</v>
      </c>
      <c r="K32" s="16" t="s">
        <v>48</v>
      </c>
    </row>
    <row r="33" spans="1:11" ht="80.099999999999994" customHeight="1">
      <c r="A33" s="94"/>
      <c r="B33" s="95"/>
      <c r="C33" s="14" t="s">
        <v>2</v>
      </c>
      <c r="D33" s="23" t="s">
        <v>6</v>
      </c>
      <c r="E33" s="16" t="s">
        <v>68</v>
      </c>
      <c r="F33" s="7"/>
      <c r="G33" s="94"/>
      <c r="H33" s="95"/>
      <c r="I33" s="55" t="s">
        <v>27</v>
      </c>
      <c r="J33" s="82" t="s">
        <v>49</v>
      </c>
      <c r="K33" s="98" t="s">
        <v>50</v>
      </c>
    </row>
    <row r="34" spans="1:11" ht="40.049999999999997" customHeight="1">
      <c r="A34" s="94"/>
      <c r="B34" s="95"/>
      <c r="C34" s="60" t="s">
        <v>3</v>
      </c>
      <c r="D34" s="82" t="s">
        <v>17</v>
      </c>
      <c r="E34" s="70" t="s">
        <v>70</v>
      </c>
      <c r="F34" s="10"/>
      <c r="G34" s="94"/>
      <c r="H34" s="95"/>
      <c r="I34" s="54"/>
      <c r="J34" s="92"/>
      <c r="K34" s="99"/>
    </row>
    <row r="35" spans="1:11" ht="40.049999999999997" customHeight="1">
      <c r="A35" s="94"/>
      <c r="B35" s="95"/>
      <c r="C35" s="71"/>
      <c r="D35" s="90"/>
      <c r="E35" s="29" t="s">
        <v>71</v>
      </c>
      <c r="F35" s="10"/>
      <c r="G35" s="94"/>
      <c r="H35" s="95"/>
      <c r="I35" s="64"/>
      <c r="J35" s="49"/>
      <c r="K35" s="29"/>
    </row>
    <row r="36" spans="1:11" ht="30" customHeight="1">
      <c r="A36" s="94"/>
      <c r="B36" s="95"/>
      <c r="C36" s="11" t="s">
        <v>9</v>
      </c>
      <c r="D36" s="92" t="s">
        <v>5</v>
      </c>
      <c r="E36" s="10" t="s">
        <v>72</v>
      </c>
      <c r="F36" s="10"/>
      <c r="G36" s="94"/>
      <c r="H36" s="95"/>
      <c r="I36" s="46" t="s">
        <v>27</v>
      </c>
      <c r="J36" s="92" t="s">
        <v>51</v>
      </c>
      <c r="K36" s="10" t="s">
        <v>52</v>
      </c>
    </row>
    <row r="37" spans="1:11" ht="30" customHeight="1">
      <c r="A37" s="94"/>
      <c r="B37" s="95"/>
      <c r="C37" s="11"/>
      <c r="D37" s="92"/>
      <c r="E37" s="10" t="s">
        <v>73</v>
      </c>
      <c r="F37" s="10"/>
      <c r="G37" s="94"/>
      <c r="H37" s="95"/>
      <c r="I37" s="46"/>
      <c r="J37" s="92"/>
      <c r="K37" s="10"/>
    </row>
    <row r="38" spans="1:11">
      <c r="A38" s="94"/>
      <c r="B38" s="95"/>
      <c r="C38" s="11"/>
      <c r="D38" s="92"/>
      <c r="E38" s="30"/>
      <c r="F38" s="30"/>
      <c r="G38" s="94"/>
      <c r="H38" s="95"/>
      <c r="I38" s="11"/>
      <c r="J38" s="92"/>
      <c r="K38" s="30"/>
    </row>
    <row r="39" spans="1:11" ht="29.25" customHeight="1">
      <c r="A39" s="94"/>
      <c r="B39" s="95"/>
      <c r="C39" s="11"/>
      <c r="D39" s="31"/>
      <c r="E39" s="32"/>
      <c r="F39" s="30"/>
      <c r="G39" s="94"/>
      <c r="H39" s="95"/>
      <c r="I39" s="11"/>
      <c r="J39" s="31"/>
      <c r="K39" s="32"/>
    </row>
    <row r="40" spans="1:11" ht="30" customHeight="1">
      <c r="A40" s="87">
        <v>4</v>
      </c>
      <c r="B40" s="89" t="s">
        <v>96</v>
      </c>
      <c r="C40" s="96" t="s">
        <v>0</v>
      </c>
      <c r="D40" s="93" t="s">
        <v>14</v>
      </c>
      <c r="E40" s="5" t="s">
        <v>79</v>
      </c>
      <c r="F40" s="7"/>
      <c r="G40" s="87">
        <v>4</v>
      </c>
      <c r="H40" s="104" t="s">
        <v>74</v>
      </c>
      <c r="I40" s="78" t="s">
        <v>53</v>
      </c>
      <c r="J40" s="93" t="s">
        <v>54</v>
      </c>
      <c r="K40" s="5"/>
    </row>
    <row r="41" spans="1:11" ht="30" customHeight="1">
      <c r="A41" s="87"/>
      <c r="B41" s="89"/>
      <c r="C41" s="97"/>
      <c r="D41" s="90"/>
      <c r="E41" s="16" t="s">
        <v>78</v>
      </c>
      <c r="F41" s="7"/>
      <c r="G41" s="87"/>
      <c r="H41" s="89"/>
      <c r="I41" s="79"/>
      <c r="J41" s="92"/>
      <c r="K41" s="7"/>
    </row>
    <row r="42" spans="1:11" ht="30" customHeight="1">
      <c r="A42" s="87"/>
      <c r="B42" s="89"/>
      <c r="C42" s="20" t="s">
        <v>1</v>
      </c>
      <c r="D42" s="82" t="s">
        <v>18</v>
      </c>
      <c r="E42" s="7" t="s">
        <v>76</v>
      </c>
      <c r="F42" s="7"/>
      <c r="G42" s="87"/>
      <c r="H42" s="89"/>
      <c r="I42" s="20"/>
      <c r="J42" s="92"/>
      <c r="K42" s="7"/>
    </row>
    <row r="43" spans="1:11" ht="30" customHeight="1">
      <c r="A43" s="87"/>
      <c r="B43" s="89"/>
      <c r="C43" s="14"/>
      <c r="D43" s="90"/>
      <c r="E43" s="16" t="s">
        <v>80</v>
      </c>
      <c r="F43" s="7"/>
      <c r="G43" s="87"/>
      <c r="H43" s="89"/>
      <c r="I43" s="20"/>
      <c r="J43" s="50"/>
      <c r="K43" s="7"/>
    </row>
    <row r="44" spans="1:11" ht="60" customHeight="1">
      <c r="A44" s="87"/>
      <c r="B44" s="89"/>
      <c r="C44" s="33" t="s">
        <v>2</v>
      </c>
      <c r="D44" s="34" t="s">
        <v>75</v>
      </c>
      <c r="E44" s="35" t="s">
        <v>76</v>
      </c>
      <c r="F44" s="25"/>
      <c r="G44" s="87"/>
      <c r="H44" s="89"/>
      <c r="I44" s="20"/>
      <c r="J44" s="50"/>
      <c r="K44" s="25"/>
    </row>
    <row r="45" spans="1:11" ht="69" customHeight="1">
      <c r="A45" s="87"/>
      <c r="B45" s="89"/>
      <c r="C45" s="36" t="s">
        <v>3</v>
      </c>
      <c r="D45" s="37" t="s">
        <v>13</v>
      </c>
      <c r="E45" s="38" t="s">
        <v>15</v>
      </c>
      <c r="F45" s="57"/>
      <c r="G45" s="87"/>
      <c r="H45" s="89"/>
      <c r="I45" s="36"/>
      <c r="J45" s="51"/>
      <c r="K45" s="38"/>
    </row>
    <row r="46" spans="1:11" ht="55.05" customHeight="1">
      <c r="A46" s="87">
        <v>5</v>
      </c>
      <c r="B46" s="89" t="s">
        <v>95</v>
      </c>
      <c r="C46" s="26" t="s">
        <v>0</v>
      </c>
      <c r="D46" s="39" t="s">
        <v>81</v>
      </c>
      <c r="E46" s="47" t="s">
        <v>82</v>
      </c>
      <c r="F46" s="19"/>
      <c r="G46" s="87">
        <v>5</v>
      </c>
      <c r="H46" s="104" t="s">
        <v>25</v>
      </c>
      <c r="I46" s="53" t="s">
        <v>27</v>
      </c>
      <c r="J46" s="69" t="s">
        <v>55</v>
      </c>
      <c r="K46" s="18"/>
    </row>
    <row r="47" spans="1:11" ht="55.05" customHeight="1">
      <c r="A47" s="87"/>
      <c r="B47" s="89"/>
      <c r="C47" s="14" t="s">
        <v>1</v>
      </c>
      <c r="D47" s="40" t="s">
        <v>97</v>
      </c>
      <c r="E47" s="41" t="s">
        <v>98</v>
      </c>
      <c r="F47" s="25"/>
      <c r="G47" s="87"/>
      <c r="H47" s="89"/>
      <c r="I47" s="20"/>
      <c r="J47" s="46"/>
      <c r="K47" s="25"/>
    </row>
    <row r="48" spans="1:11" ht="30" customHeight="1">
      <c r="A48" s="87"/>
      <c r="B48" s="89"/>
      <c r="C48" s="20" t="s">
        <v>2</v>
      </c>
      <c r="D48" s="82" t="s">
        <v>93</v>
      </c>
      <c r="E48" s="25" t="s">
        <v>94</v>
      </c>
      <c r="F48" s="25"/>
      <c r="G48" s="87"/>
      <c r="H48" s="89"/>
      <c r="I48" s="20"/>
      <c r="J48" s="92"/>
      <c r="K48" s="25"/>
    </row>
    <row r="49" spans="1:11" ht="30" customHeight="1">
      <c r="A49" s="87"/>
      <c r="B49" s="89"/>
      <c r="C49" s="42"/>
      <c r="D49" s="90"/>
      <c r="E49" s="41" t="s">
        <v>83</v>
      </c>
      <c r="F49" s="25"/>
      <c r="G49" s="87"/>
      <c r="H49" s="89"/>
      <c r="I49" s="43"/>
      <c r="J49" s="92"/>
      <c r="K49" s="25"/>
    </row>
    <row r="50" spans="1:11" ht="30" customHeight="1">
      <c r="A50" s="87"/>
      <c r="B50" s="89"/>
      <c r="C50" s="20" t="s">
        <v>3</v>
      </c>
      <c r="D50" s="82" t="s">
        <v>18</v>
      </c>
      <c r="E50" s="25" t="s">
        <v>76</v>
      </c>
      <c r="F50" s="25"/>
      <c r="G50" s="87"/>
      <c r="H50" s="89"/>
      <c r="I50" s="20"/>
      <c r="J50" s="92"/>
      <c r="K50" s="25"/>
    </row>
    <row r="51" spans="1:11" ht="30" customHeight="1">
      <c r="A51" s="87"/>
      <c r="B51" s="89"/>
      <c r="C51" s="43"/>
      <c r="D51" s="91"/>
      <c r="E51" s="25" t="s">
        <v>77</v>
      </c>
      <c r="F51" s="25"/>
      <c r="G51" s="87"/>
      <c r="H51" s="89"/>
      <c r="I51" s="43"/>
      <c r="J51" s="91"/>
      <c r="K51" s="25"/>
    </row>
    <row r="52" spans="1:11">
      <c r="A52" s="87"/>
      <c r="B52" s="89"/>
      <c r="C52" s="36"/>
      <c r="D52" s="44"/>
      <c r="E52" s="45"/>
      <c r="F52" s="58"/>
      <c r="G52" s="87"/>
      <c r="H52" s="89"/>
      <c r="I52" s="36"/>
      <c r="J52" s="44"/>
      <c r="K52" s="45"/>
    </row>
    <row r="53" spans="1:11">
      <c r="E53" s="1"/>
      <c r="F53" s="1"/>
      <c r="K53" s="1"/>
    </row>
  </sheetData>
  <mergeCells count="59">
    <mergeCell ref="J40:J42"/>
    <mergeCell ref="D34:D35"/>
    <mergeCell ref="G46:G52"/>
    <mergeCell ref="H46:H52"/>
    <mergeCell ref="J48:J49"/>
    <mergeCell ref="J50:J51"/>
    <mergeCell ref="G40:G45"/>
    <mergeCell ref="H40:H45"/>
    <mergeCell ref="I40:I41"/>
    <mergeCell ref="D42:D43"/>
    <mergeCell ref="A4:E4"/>
    <mergeCell ref="G4:K4"/>
    <mergeCell ref="J7:J9"/>
    <mergeCell ref="J10:J13"/>
    <mergeCell ref="J14:J17"/>
    <mergeCell ref="K11:K12"/>
    <mergeCell ref="G5:H5"/>
    <mergeCell ref="I5:J5"/>
    <mergeCell ref="J18:J21"/>
    <mergeCell ref="K18:K19"/>
    <mergeCell ref="J22:J24"/>
    <mergeCell ref="J25:J27"/>
    <mergeCell ref="G31:G39"/>
    <mergeCell ref="H31:H39"/>
    <mergeCell ref="J36:J38"/>
    <mergeCell ref="J33:J34"/>
    <mergeCell ref="G22:G30"/>
    <mergeCell ref="H22:H30"/>
    <mergeCell ref="I22:I23"/>
    <mergeCell ref="I29:I30"/>
    <mergeCell ref="J28:J30"/>
    <mergeCell ref="G6:G21"/>
    <mergeCell ref="H6:H21"/>
    <mergeCell ref="K33:K34"/>
    <mergeCell ref="A46:A52"/>
    <mergeCell ref="B46:B52"/>
    <mergeCell ref="D48:D49"/>
    <mergeCell ref="D50:D51"/>
    <mergeCell ref="D7:D12"/>
    <mergeCell ref="D17:D21"/>
    <mergeCell ref="D22:D25"/>
    <mergeCell ref="D36:D38"/>
    <mergeCell ref="A31:A39"/>
    <mergeCell ref="B31:B39"/>
    <mergeCell ref="A40:A45"/>
    <mergeCell ref="B40:B45"/>
    <mergeCell ref="C40:C41"/>
    <mergeCell ref="D40:D41"/>
    <mergeCell ref="A22:A30"/>
    <mergeCell ref="B22:B30"/>
    <mergeCell ref="C22:C23"/>
    <mergeCell ref="C29:C30"/>
    <mergeCell ref="D29:D30"/>
    <mergeCell ref="A5:B5"/>
    <mergeCell ref="C5:D5"/>
    <mergeCell ref="A6:A21"/>
    <mergeCell ref="B6:B21"/>
    <mergeCell ref="C7:C8"/>
    <mergeCell ref="C17:C18"/>
  </mergeCells>
  <phoneticPr fontId="1"/>
  <pageMargins left="0.70866141732283472" right="0.70866141732283472" top="0.55118110236220474" bottom="0.55118110236220474" header="0.31496062992125984" footer="0.31496062992125984"/>
  <pageSetup paperSize="8" scale="84" orientation="landscape" r:id="rId1"/>
  <rowBreaks count="1" manualBreakCount="1">
    <brk id="30" max="1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構成（案）</vt:lpstr>
      <vt:lpstr>'構成（案）'!Print_Area</vt:lpstr>
      <vt:lpstr>'構成（案）'!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19-03-25T05:55:39Z</cp:lastPrinted>
  <dcterms:created xsi:type="dcterms:W3CDTF">2018-08-29T12:42:44Z</dcterms:created>
  <dcterms:modified xsi:type="dcterms:W3CDTF">2019-10-21T08:23:06Z</dcterms:modified>
</cp:coreProperties>
</file>